
<file path=[Content_Types].xml><?xml version="1.0" encoding="utf-8"?>
<Types xmlns="http://schemas.openxmlformats.org/package/2006/content-types">
  <Default Extension="gif" ContentType="image/gif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word/intelligence2.xml" ContentType="application/vnd.ms-office.intelligence2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807F652" w14:textId="14E6CE28" w:rsidR="6C1DE1B1" w:rsidRDefault="6C1DE1B1" w:rsidP="2D0C56E7">
      <w:pPr>
        <w:jc w:val="center"/>
        <w:rPr>
          <w:sz w:val="40"/>
          <w:szCs w:val="40"/>
        </w:rPr>
      </w:pPr>
      <w:r w:rsidRPr="2D0C56E7">
        <w:rPr>
          <w:sz w:val="40"/>
          <w:szCs w:val="40"/>
        </w:rPr>
        <w:t>Malware Reverse Engineering Documentation</w:t>
      </w:r>
    </w:p>
    <w:p w14:paraId="33F46B9C" w14:textId="6882264E" w:rsidR="6C1DE1B1" w:rsidRDefault="6C1DE1B1" w:rsidP="2D0C56E7">
      <w:pPr>
        <w:jc w:val="center"/>
        <w:rPr>
          <w:sz w:val="40"/>
          <w:szCs w:val="40"/>
        </w:rPr>
      </w:pPr>
      <w:r w:rsidRPr="6BCA6D52">
        <w:rPr>
          <w:sz w:val="32"/>
          <w:szCs w:val="32"/>
        </w:rPr>
        <w:t>Eli Ledford, David, Calvin Vang, Adrian</w:t>
      </w:r>
    </w:p>
    <w:p w14:paraId="3D686D7F" w14:textId="2A36A992" w:rsidR="6BCA6D52" w:rsidRDefault="6BCA6D52" w:rsidP="6BCA6D52">
      <w:pPr>
        <w:jc w:val="center"/>
        <w:rPr>
          <w:sz w:val="32"/>
          <w:szCs w:val="32"/>
        </w:rPr>
      </w:pPr>
    </w:p>
    <w:p w14:paraId="38E8B9FD" w14:textId="2B4B077D" w:rsidR="2A3F0FE2" w:rsidRDefault="2A3F0FE2" w:rsidP="6BCA6D52">
      <w:proofErr w:type="spellStart"/>
      <w:r>
        <w:t>Ghidra</w:t>
      </w:r>
      <w:proofErr w:type="spellEnd"/>
      <w:r>
        <w:t xml:space="preserve"> Installation for Windows:</w:t>
      </w:r>
    </w:p>
    <w:p w14:paraId="4932C698" w14:textId="1E937889" w:rsidR="2A3F0FE2" w:rsidRDefault="2A3F0FE2" w:rsidP="6BCA6D52">
      <w:r>
        <w:t xml:space="preserve">To install </w:t>
      </w:r>
      <w:proofErr w:type="spellStart"/>
      <w:r>
        <w:t>Ghidra</w:t>
      </w:r>
      <w:proofErr w:type="spellEnd"/>
      <w:r>
        <w:t xml:space="preserve">, simply extract the </w:t>
      </w:r>
      <w:proofErr w:type="spellStart"/>
      <w:r>
        <w:t>Ghidra</w:t>
      </w:r>
      <w:proofErr w:type="spellEnd"/>
      <w:r>
        <w:t xml:space="preserve"> distribution file to the desired filesystem destination using any unzip program (built-in OS utilities, 7-Zip, WinZip, WinRAR, </w:t>
      </w:r>
      <w:proofErr w:type="spellStart"/>
      <w:r>
        <w:t>etc</w:t>
      </w:r>
      <w:proofErr w:type="spellEnd"/>
      <w:r>
        <w:t>)</w:t>
      </w:r>
    </w:p>
    <w:p w14:paraId="0A1A45F7" w14:textId="6D5DC409" w:rsidR="2A3F0FE2" w:rsidRDefault="2A3F0FE2" w:rsidP="6BCA6D52">
      <w:r>
        <w:t xml:space="preserve"> </w:t>
      </w:r>
    </w:p>
    <w:p w14:paraId="02D06489" w14:textId="186F635B" w:rsidR="2A3F0FE2" w:rsidRDefault="2A3F0FE2" w:rsidP="6BCA6D52">
      <w:r>
        <w:t xml:space="preserve">Downloading from </w:t>
      </w:r>
      <w:proofErr w:type="spellStart"/>
      <w:r>
        <w:t>Github</w:t>
      </w:r>
      <w:proofErr w:type="spellEnd"/>
      <w:r>
        <w:t xml:space="preserve">, the </w:t>
      </w:r>
      <w:proofErr w:type="spellStart"/>
      <w:r>
        <w:t>Ghidra</w:t>
      </w:r>
      <w:proofErr w:type="spellEnd"/>
    </w:p>
    <w:p w14:paraId="2437AC77" w14:textId="200FE0BB" w:rsidR="2A3F0FE2" w:rsidRDefault="2A3F0FE2" w:rsidP="6BCA6D52">
      <w:pPr>
        <w:rPr>
          <w:u w:val="single"/>
        </w:rPr>
      </w:pPr>
      <w:r w:rsidRPr="6BCA6D52">
        <w:rPr>
          <w:u w:val="single"/>
        </w:rPr>
        <w:t xml:space="preserve">Assets </w:t>
      </w:r>
    </w:p>
    <w:p w14:paraId="39FD5789" w14:textId="04AB7CB2" w:rsidR="2A3F0FE2" w:rsidRDefault="2A3F0FE2" w:rsidP="6BCA6D52">
      <w:r>
        <w:t>ghidra_11.0.1_PUBLIC_20240130.zip (Current version)</w:t>
      </w:r>
    </w:p>
    <w:p w14:paraId="199FC01B" w14:textId="2C3D87CA" w:rsidR="2A3F0FE2" w:rsidRDefault="2A3F0FE2" w:rsidP="6BCA6D52">
      <w:r>
        <w:t xml:space="preserve"> </w:t>
      </w:r>
      <w:r w:rsidR="0856D1FA">
        <w:rPr>
          <w:noProof/>
        </w:rPr>
        <w:drawing>
          <wp:inline distT="0" distB="0" distL="0" distR="0" wp14:anchorId="0125019E" wp14:editId="4FE41A21">
            <wp:extent cx="5943600" cy="2933700"/>
            <wp:effectExtent l="0" t="0" r="0" b="0"/>
            <wp:docPr id="375933096" name="Picture 37593309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933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ABFC8AC" w14:textId="127A2FF1" w:rsidR="2A3F0FE2" w:rsidRDefault="2A3F0FE2" w:rsidP="6BCA6D52">
      <w:r>
        <w:lastRenderedPageBreak/>
        <w:t xml:space="preserve"> </w:t>
      </w:r>
      <w:r w:rsidR="10372A9B">
        <w:rPr>
          <w:noProof/>
        </w:rPr>
        <w:drawing>
          <wp:inline distT="0" distB="0" distL="0" distR="0" wp14:anchorId="6B57D3D4" wp14:editId="2E1DFF9E">
            <wp:extent cx="5943600" cy="2876550"/>
            <wp:effectExtent l="0" t="0" r="0" b="0"/>
            <wp:docPr id="1085927414" name="Picture 10859274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8765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7BC419A" w14:textId="13683CF5" w:rsidR="2A3F0FE2" w:rsidRDefault="2A3F0FE2" w:rsidP="6BCA6D52">
      <w:proofErr w:type="spellStart"/>
      <w:proofErr w:type="gramStart"/>
      <w:r>
        <w:t>Ontop</w:t>
      </w:r>
      <w:proofErr w:type="spellEnd"/>
      <w:proofErr w:type="gramEnd"/>
      <w:r>
        <w:t xml:space="preserve"> of that, you need to install a Java 11 64-bit Runtime and Development Kit (JDK)</w:t>
      </w:r>
    </w:p>
    <w:p w14:paraId="0A4378AD" w14:textId="1B41CBB2" w:rsidR="2A3F0FE2" w:rsidRDefault="2A3F0FE2" w:rsidP="6BCA6D52">
      <w:r>
        <w:t xml:space="preserve">A Free </w:t>
      </w:r>
      <w:proofErr w:type="gramStart"/>
      <w:r>
        <w:t>long term</w:t>
      </w:r>
      <w:proofErr w:type="gramEnd"/>
      <w:r>
        <w:t xml:space="preserve"> support (LTS) versions of JDK 11 is provided by</w:t>
      </w:r>
    </w:p>
    <w:p w14:paraId="4E2AB6C4" w14:textId="756FD1D2" w:rsidR="2A3F0FE2" w:rsidRDefault="2A3F0FE2" w:rsidP="6BCA6D52">
      <w:r>
        <w:t xml:space="preserve"> </w:t>
      </w:r>
      <w:r w:rsidR="0885FD18">
        <w:rPr>
          <w:noProof/>
        </w:rPr>
        <w:drawing>
          <wp:inline distT="0" distB="0" distL="0" distR="0" wp14:anchorId="0AEFBAA3" wp14:editId="6596D419">
            <wp:extent cx="5943600" cy="3390900"/>
            <wp:effectExtent l="0" t="0" r="0" b="0"/>
            <wp:docPr id="608244391" name="Picture 60824439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3909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9CA2A41" w14:textId="71D7BC63" w:rsidR="6815984B" w:rsidRDefault="6815984B" w:rsidP="6BCA6D52">
      <w:r>
        <w:rPr>
          <w:noProof/>
        </w:rPr>
        <w:lastRenderedPageBreak/>
        <w:drawing>
          <wp:inline distT="0" distB="0" distL="0" distR="0" wp14:anchorId="661EAD1B" wp14:editId="368F2F80">
            <wp:extent cx="5943600" cy="3105150"/>
            <wp:effectExtent l="0" t="0" r="0" b="0"/>
            <wp:docPr id="2119115154" name="Picture 211911515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1051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70EF302" w14:textId="6D5A92EF" w:rsidR="0885FD18" w:rsidRDefault="0885FD18" w:rsidP="6BCA6D52">
      <w:proofErr w:type="spellStart"/>
      <w:r>
        <w:t>AdoptOpenJDK</w:t>
      </w:r>
      <w:proofErr w:type="spellEnd"/>
    </w:p>
    <w:p w14:paraId="679B3EDC" w14:textId="69D6EB14" w:rsidR="2A3F0FE2" w:rsidRDefault="2A3F0FE2" w:rsidP="6BCA6D52">
      <w:r>
        <w:t>Based on current systems</w:t>
      </w:r>
      <w:r w:rsidR="31146EF0">
        <w:t xml:space="preserve"> (mine)</w:t>
      </w:r>
    </w:p>
    <w:p w14:paraId="70D0345F" w14:textId="59A892A0" w:rsidR="2A3F0FE2" w:rsidRDefault="2A3F0FE2" w:rsidP="6BCA6D52">
      <w:r>
        <w:t>Operating System - Windows</w:t>
      </w:r>
    </w:p>
    <w:p w14:paraId="03ECD664" w14:textId="5CF3151A" w:rsidR="2A3F0FE2" w:rsidRDefault="2A3F0FE2" w:rsidP="6BCA6D52">
      <w:r>
        <w:t xml:space="preserve">Architecture - x64 </w:t>
      </w:r>
    </w:p>
    <w:p w14:paraId="3AF6298E" w14:textId="46792508" w:rsidR="2A3F0FE2" w:rsidRDefault="2A3F0FE2" w:rsidP="6BCA6D52">
      <w:r>
        <w:t>Package Type - JDK</w:t>
      </w:r>
    </w:p>
    <w:p w14:paraId="4A78EC33" w14:textId="44DEFDAA" w:rsidR="2A3F0FE2" w:rsidRDefault="2A3F0FE2" w:rsidP="6BCA6D52">
      <w:r>
        <w:t>Version - 21 - LTS</w:t>
      </w:r>
    </w:p>
    <w:p w14:paraId="24C9E987" w14:textId="3545748C" w:rsidR="2A3F0FE2" w:rsidRDefault="2A3F0FE2" w:rsidP="6BCA6D52">
      <w:r>
        <w:t xml:space="preserve"> </w:t>
      </w:r>
    </w:p>
    <w:p w14:paraId="122554EC" w14:textId="118A1094" w:rsidR="2A3F0FE2" w:rsidRDefault="2A3F0FE2" w:rsidP="6BCA6D52">
      <w:r>
        <w:t xml:space="preserve">The version to download is JDK - 179MB (MSI) or </w:t>
      </w:r>
      <w:proofErr w:type="gramStart"/>
      <w:r>
        <w:t>other</w:t>
      </w:r>
      <w:proofErr w:type="gramEnd"/>
      <w:r>
        <w:t xml:space="preserve"> current version. </w:t>
      </w:r>
    </w:p>
    <w:p w14:paraId="7FA08B71" w14:textId="4E1E7486" w:rsidR="52086D57" w:rsidRDefault="52086D57" w:rsidP="6BCA6D52">
      <w:r>
        <w:t xml:space="preserve">Starting </w:t>
      </w:r>
      <w:proofErr w:type="spellStart"/>
      <w:r>
        <w:t>Ghidra</w:t>
      </w:r>
      <w:proofErr w:type="spellEnd"/>
      <w:r>
        <w:t xml:space="preserve">, after successfully unzipping and downloading the JDK. Run the </w:t>
      </w:r>
      <w:proofErr w:type="spellStart"/>
      <w:r w:rsidR="3402DC73">
        <w:t>ghidraRun</w:t>
      </w:r>
      <w:proofErr w:type="spellEnd"/>
      <w:r w:rsidR="3402DC73">
        <w:t xml:space="preserve"> or Windows Batch File</w:t>
      </w:r>
    </w:p>
    <w:p w14:paraId="6C0302A9" w14:textId="1A83668A" w:rsidR="2A3F0FE2" w:rsidRDefault="2A3F0FE2" w:rsidP="6BCA6D52">
      <w:r>
        <w:lastRenderedPageBreak/>
        <w:t xml:space="preserve"> </w:t>
      </w:r>
      <w:r w:rsidR="07D75321">
        <w:rPr>
          <w:noProof/>
        </w:rPr>
        <w:drawing>
          <wp:inline distT="0" distB="0" distL="0" distR="0" wp14:anchorId="7FBF1CDA" wp14:editId="064B9F8F">
            <wp:extent cx="5943600" cy="3200400"/>
            <wp:effectExtent l="0" t="0" r="0" b="0"/>
            <wp:docPr id="964448689" name="Picture 96444868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00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5DCB8E1" w14:textId="1C069775" w:rsidR="7C48BFC7" w:rsidRDefault="7C48BFC7" w:rsidP="6BCA6D52">
      <w:r>
        <w:t>To create a new project</w:t>
      </w:r>
      <w:r w:rsidR="1BCE2DF6">
        <w:t>, click File, New Project, and Select Project Type (Non-Shared Project or Shared Project), and Select Project Location</w:t>
      </w:r>
    </w:p>
    <w:p w14:paraId="13095859" w14:textId="41122BA0" w:rsidR="17EDF5E3" w:rsidRDefault="17EDF5E3" w:rsidP="6BCA6D52">
      <w:r>
        <w:rPr>
          <w:noProof/>
        </w:rPr>
        <w:lastRenderedPageBreak/>
        <w:drawing>
          <wp:inline distT="0" distB="0" distL="0" distR="0" wp14:anchorId="20B76EDE" wp14:editId="4944728F">
            <wp:extent cx="4327532" cy="3925295"/>
            <wp:effectExtent l="0" t="0" r="0" b="0"/>
            <wp:docPr id="1550486476" name="Picture 155048647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327532" cy="39252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noProof/>
        </w:rPr>
        <w:lastRenderedPageBreak/>
        <w:drawing>
          <wp:inline distT="0" distB="0" distL="0" distR="0" wp14:anchorId="51B4AE5D" wp14:editId="75764A4F">
            <wp:extent cx="4877222" cy="4359018"/>
            <wp:effectExtent l="0" t="0" r="0" b="0"/>
            <wp:docPr id="796191023" name="Picture 7961910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877222" cy="435901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9061F5C" w14:textId="615782EF" w:rsidR="6BCA6D52" w:rsidRDefault="6BCA6D52" w:rsidP="6BCA6D52"/>
    <w:p w14:paraId="6ACEFD8D" w14:textId="6CBB2722" w:rsidR="17EDF5E3" w:rsidRDefault="17EDF5E3" w:rsidP="6BCA6D52">
      <w:r>
        <w:t xml:space="preserve">Or in our case import files </w:t>
      </w:r>
    </w:p>
    <w:p w14:paraId="747F7545" w14:textId="3F5A9F43" w:rsidR="7FE032B8" w:rsidRDefault="7FE032B8" w:rsidP="6BCA6D52">
      <w:r>
        <w:rPr>
          <w:noProof/>
        </w:rPr>
        <w:lastRenderedPageBreak/>
        <w:drawing>
          <wp:inline distT="0" distB="0" distL="0" distR="0" wp14:anchorId="0E3FE77D" wp14:editId="46988A06">
            <wp:extent cx="4892465" cy="4572398"/>
            <wp:effectExtent l="0" t="0" r="0" b="0"/>
            <wp:docPr id="1601093299" name="Picture 160109329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892465" cy="45723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6D46A93" w14:textId="461ED8E5" w:rsidR="6BCA6D52" w:rsidRDefault="6BCA6D52" w:rsidP="6BCA6D52"/>
    <w:p w14:paraId="789293FC" w14:textId="42F920D4" w:rsidR="6E7C2EAF" w:rsidRDefault="6E7C2EAF">
      <w:proofErr w:type="spellStart"/>
      <w:r>
        <w:t>Ghidra</w:t>
      </w:r>
      <w:proofErr w:type="spellEnd"/>
      <w:r>
        <w:t xml:space="preserve"> Malware Analysis</w:t>
      </w:r>
    </w:p>
    <w:p w14:paraId="746270BC" w14:textId="5895FB69" w:rsidR="3AEB4AF6" w:rsidRDefault="3AEB4AF6">
      <w:r>
        <w:t>Task:</w:t>
      </w:r>
    </w:p>
    <w:p w14:paraId="5011EBC2" w14:textId="7F3D7FAD" w:rsidR="00CB45B9" w:rsidRDefault="3AEB4AF6">
      <w:r>
        <w:t xml:space="preserve">Analyze </w:t>
      </w:r>
      <w:proofErr w:type="gramStart"/>
      <w:r>
        <w:t>Point</w:t>
      </w:r>
      <w:proofErr w:type="gramEnd"/>
      <w:r>
        <w:t xml:space="preserve"> of Sale (</w:t>
      </w:r>
      <w:proofErr w:type="spellStart"/>
      <w:r>
        <w:t>PoS</w:t>
      </w:r>
      <w:proofErr w:type="spellEnd"/>
      <w:r>
        <w:t xml:space="preserve">) malware, where this malware scrapes the RAM memory of </w:t>
      </w:r>
      <w:proofErr w:type="spellStart"/>
      <w:r>
        <w:t>PoS</w:t>
      </w:r>
      <w:proofErr w:type="spellEnd"/>
      <w:r>
        <w:t xml:space="preserve"> systems to steal credit card and debit card information </w:t>
      </w:r>
    </w:p>
    <w:p w14:paraId="20525C6D" w14:textId="79303496" w:rsidR="00CB45B9" w:rsidRDefault="3AEB4AF6" w:rsidP="203E67D7">
      <w:r>
        <w:t xml:space="preserve">To start, </w:t>
      </w:r>
      <w:proofErr w:type="gramStart"/>
      <w:r>
        <w:t>setup</w:t>
      </w:r>
      <w:proofErr w:type="gramEnd"/>
      <w:r>
        <w:t xml:space="preserve"> a safe analysis environment, and look for </w:t>
      </w:r>
      <w:r w:rsidR="6EA6AB7A">
        <w:t>malware</w:t>
      </w:r>
      <w:r>
        <w:t xml:space="preserve"> indicators in the sample.  </w:t>
      </w:r>
    </w:p>
    <w:p w14:paraId="41F60119" w14:textId="6C51A3B7" w:rsidR="00CB45B9" w:rsidRDefault="3AEB4AF6" w:rsidP="203E67D7">
      <w:pPr>
        <w:pStyle w:val="ListParagraph"/>
        <w:numPr>
          <w:ilvl w:val="0"/>
          <w:numId w:val="11"/>
        </w:numPr>
      </w:pPr>
      <w:r>
        <w:t xml:space="preserve">VirtualBox  </w:t>
      </w:r>
    </w:p>
    <w:p w14:paraId="31EC388E" w14:textId="4BFADD97" w:rsidR="00CB45B9" w:rsidRDefault="3AEB4AF6" w:rsidP="203E67D7">
      <w:pPr>
        <w:pStyle w:val="ListParagraph"/>
        <w:numPr>
          <w:ilvl w:val="0"/>
          <w:numId w:val="11"/>
        </w:numPr>
      </w:pPr>
      <w:proofErr w:type="spellStart"/>
      <w:r>
        <w:t>VirtualTotal</w:t>
      </w:r>
      <w:proofErr w:type="spellEnd"/>
      <w:r>
        <w:t xml:space="preserve">, malware analysis tool </w:t>
      </w:r>
    </w:p>
    <w:p w14:paraId="411A99D2" w14:textId="1EF186DD" w:rsidR="00CB45B9" w:rsidRDefault="3AEB4AF6" w:rsidP="203E67D7">
      <w:pPr>
        <w:pStyle w:val="ListParagraph"/>
        <w:numPr>
          <w:ilvl w:val="0"/>
          <w:numId w:val="11"/>
        </w:numPr>
      </w:pPr>
      <w:r>
        <w:t xml:space="preserve">Code found in:  </w:t>
      </w:r>
      <w:hyperlink r:id="rId13">
        <w:r w:rsidRPr="67C5D71E">
          <w:rPr>
            <w:rStyle w:val="Hyperlink"/>
          </w:rPr>
          <w:t>https://github.com/PacktPublishing/Ghidra-Software-Reverse-Engineering-for-Beginners/tree/master/Chapter05</w:t>
        </w:r>
      </w:hyperlink>
      <w:r>
        <w:t xml:space="preserve"> </w:t>
      </w:r>
      <w:r w:rsidR="397E26BF">
        <w:t xml:space="preserve"> </w:t>
      </w:r>
    </w:p>
    <w:p w14:paraId="4C309AAC" w14:textId="6DB2B351" w:rsidR="00CB45B9" w:rsidRDefault="3AEB4AF6" w:rsidP="203E67D7">
      <w:r>
        <w:t xml:space="preserve">Code in action:  </w:t>
      </w:r>
    </w:p>
    <w:p w14:paraId="2323C93A" w14:textId="3D46BE36" w:rsidR="00CB45B9" w:rsidRDefault="00CB45B9" w:rsidP="203E67D7"/>
    <w:p w14:paraId="72EF4926" w14:textId="279CDD23" w:rsidR="00CB45B9" w:rsidRDefault="60B1B40E" w:rsidP="203E67D7">
      <w:r>
        <w:lastRenderedPageBreak/>
        <w:t xml:space="preserve">The malware consists of: </w:t>
      </w:r>
    </w:p>
    <w:p w14:paraId="2C967D19" w14:textId="5B35A708" w:rsidR="00CB45B9" w:rsidRDefault="60B1B40E" w:rsidP="203E67D7">
      <w:r>
        <w:t xml:space="preserve">Windows driver </w:t>
      </w:r>
    </w:p>
    <w:p w14:paraId="5DA615E0" w14:textId="45A76E03" w:rsidR="00CB45B9" w:rsidRDefault="60B1B40E" w:rsidP="203E67D7">
      <w:r>
        <w:t>Portable Executable</w:t>
      </w:r>
    </w:p>
    <w:p w14:paraId="0EEDD012" w14:textId="39201A22" w:rsidR="00CB45B9" w:rsidRDefault="00CB45B9" w:rsidP="203E67D7"/>
    <w:p w14:paraId="037D6CA2" w14:textId="14A1D26E" w:rsidR="6BCA6D52" w:rsidRDefault="6BCA6D52" w:rsidP="6BCA6D52"/>
    <w:p w14:paraId="2ACA997C" w14:textId="01E3C025" w:rsidR="00CB45B9" w:rsidRDefault="00CB45B9" w:rsidP="203E67D7"/>
    <w:p w14:paraId="601FE470" w14:textId="5BBF9A32" w:rsidR="00CB45B9" w:rsidRDefault="00CB45B9" w:rsidP="203E67D7"/>
    <w:p w14:paraId="79B2DCC5" w14:textId="6007BB4E" w:rsidR="00CB45B9" w:rsidRDefault="60B1B40E" w:rsidP="203E67D7">
      <w:pPr>
        <w:rPr>
          <w:rFonts w:ascii="Aptos" w:eastAsia="Aptos" w:hAnsi="Aptos" w:cs="Aptos"/>
        </w:rPr>
      </w:pPr>
      <w:r>
        <w:rPr>
          <w:noProof/>
        </w:rPr>
        <w:drawing>
          <wp:inline distT="0" distB="0" distL="0" distR="0" wp14:anchorId="005544B8" wp14:editId="07E078C0">
            <wp:extent cx="5943600" cy="5705476"/>
            <wp:effectExtent l="0" t="0" r="0" b="0"/>
            <wp:docPr id="1831147618" name="Picture 1831147618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570547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2D62763" w14:textId="6B18A32B" w:rsidR="00CB45B9" w:rsidRDefault="60B1B40E" w:rsidP="203E67D7">
      <w:r>
        <w:lastRenderedPageBreak/>
        <w:t xml:space="preserve">What we found in the file: </w:t>
      </w:r>
    </w:p>
    <w:p w14:paraId="5A8BA181" w14:textId="470F1D39" w:rsidR="00CB45B9" w:rsidRDefault="60B1B40E" w:rsidP="203E67D7">
      <w:r>
        <w:t xml:space="preserve">The user for this computer is named Benson, who seems to have </w:t>
      </w:r>
      <w:r w:rsidR="6752AEF5">
        <w:t>complied with</w:t>
      </w:r>
      <w:r>
        <w:t xml:space="preserve"> this malware. Based on these strings, </w:t>
      </w:r>
      <w:r w:rsidR="132E5ACA">
        <w:t>multiple</w:t>
      </w:r>
      <w:r>
        <w:t xml:space="preserve"> </w:t>
      </w:r>
      <w:r w:rsidR="5C08F758">
        <w:t>attributes</w:t>
      </w:r>
      <w:r w:rsidR="3D44628A">
        <w:t xml:space="preserve"> of the malware could be found based on these results. </w:t>
      </w:r>
    </w:p>
    <w:p w14:paraId="3DCE15C8" w14:textId="6D93907F" w:rsidR="00CB45B9" w:rsidRDefault="2B505A25" w:rsidP="203E67D7">
      <w:r>
        <w:t>Why is there a reference to windefender.ex</w:t>
      </w:r>
      <w:r w:rsidR="3A5C09F0">
        <w:t xml:space="preserve">e? On top of that, </w:t>
      </w:r>
      <w:r w:rsidR="11C5A421">
        <w:t xml:space="preserve">the </w:t>
      </w:r>
      <w:r w:rsidR="343B7E78">
        <w:t>address c:\\drivers\\test\\objchk_win7_x86\\i38\\ssdthook</w:t>
      </w:r>
      <w:r w:rsidR="10B71BB6">
        <w:t>.pdb, where the SDDT</w:t>
      </w:r>
      <w:r w:rsidR="3F9EBFFA">
        <w:t xml:space="preserve"> and the</w:t>
      </w:r>
      <w:r w:rsidR="10B71BB6">
        <w:t xml:space="preserve"> </w:t>
      </w:r>
      <w:r w:rsidR="507FCDC9">
        <w:t xml:space="preserve">SHELLCODE_MUTEX </w:t>
      </w:r>
      <w:r w:rsidR="3209737A">
        <w:t xml:space="preserve">are hooks that can be malicious. </w:t>
      </w:r>
    </w:p>
    <w:p w14:paraId="3E9251F8" w14:textId="05A7D49B" w:rsidR="00CB45B9" w:rsidRDefault="00CB45B9" w:rsidP="203E67D7"/>
    <w:p w14:paraId="5CC7A4DC" w14:textId="4976B776" w:rsidR="00CB45B9" w:rsidRDefault="2F16A11C" w:rsidP="203E67D7">
      <w:r>
        <w:t>SDDT - data structure in Microsoft Windows operating system</w:t>
      </w:r>
      <w:r w:rsidR="5C77AF9B">
        <w:t xml:space="preserve"> that maps system services numbers to addresses of matching system service routines. </w:t>
      </w:r>
    </w:p>
    <w:p w14:paraId="4B17815D" w14:textId="719A932F" w:rsidR="00CB45B9" w:rsidRDefault="00CB45B9" w:rsidP="203E67D7"/>
    <w:p w14:paraId="29961F39" w14:textId="48DEEA6F" w:rsidR="00CB45B9" w:rsidRDefault="2DE2DA0A" w:rsidP="203E67D7">
      <w:r>
        <w:t>Reviewing a program's strings can be a good start to reveal whether the cause of the problem is a malware issue without further analysis.</w:t>
      </w:r>
      <w:r w:rsidR="3FEC6669">
        <w:t xml:space="preserve"> </w:t>
      </w:r>
    </w:p>
    <w:p w14:paraId="44EFEED3" w14:textId="32ADEDB9" w:rsidR="00CB45B9" w:rsidRDefault="00CB45B9" w:rsidP="203E67D7"/>
    <w:p w14:paraId="79F62874" w14:textId="4FD39B1C" w:rsidR="00CB45B9" w:rsidRDefault="421C21F6" w:rsidP="203E67D7">
      <w:r>
        <w:t>Further investigation of strings</w:t>
      </w:r>
    </w:p>
    <w:p w14:paraId="604C478B" w14:textId="05D4BC13" w:rsidR="00CB45B9" w:rsidRDefault="421C21F6" w:rsidP="203E67D7">
      <w:r>
        <w:t xml:space="preserve">Domain names may help reveal further if there seems to be a </w:t>
      </w:r>
      <w:r w:rsidR="78B80D93">
        <w:t>potential</w:t>
      </w:r>
      <w:r>
        <w:t xml:space="preserve"> danger such as malware</w:t>
      </w:r>
      <w:r w:rsidR="08195091">
        <w:t xml:space="preserve">. </w:t>
      </w:r>
    </w:p>
    <w:p w14:paraId="74294180" w14:textId="7E748033" w:rsidR="00CB45B9" w:rsidRDefault="08195091" w:rsidP="203E67D7">
      <w:pPr>
        <w:rPr>
          <w:rFonts w:ascii="Aptos" w:eastAsia="Aptos" w:hAnsi="Aptos" w:cs="Aptos"/>
        </w:rPr>
      </w:pPr>
      <w:r>
        <w:t xml:space="preserve">To analyze it, we use </w:t>
      </w:r>
      <w:r w:rsidR="2EECA6EA">
        <w:t xml:space="preserve">the following website </w:t>
      </w:r>
      <w:hyperlink r:id="rId15">
        <w:proofErr w:type="spellStart"/>
        <w:r w:rsidR="2EECA6EA" w:rsidRPr="203E67D7">
          <w:rPr>
            <w:rStyle w:val="Hyperlink"/>
            <w:rFonts w:ascii="Aptos" w:eastAsia="Aptos" w:hAnsi="Aptos" w:cs="Aptos"/>
          </w:rPr>
          <w:t>VirusTotal</w:t>
        </w:r>
        <w:proofErr w:type="spellEnd"/>
        <w:r w:rsidR="2EECA6EA" w:rsidRPr="203E67D7">
          <w:rPr>
            <w:rStyle w:val="Hyperlink"/>
            <w:rFonts w:ascii="Aptos" w:eastAsia="Aptos" w:hAnsi="Aptos" w:cs="Aptos"/>
          </w:rPr>
          <w:t xml:space="preserve"> - Home</w:t>
        </w:r>
      </w:hyperlink>
      <w:r w:rsidR="2EECA6EA" w:rsidRPr="203E67D7">
        <w:rPr>
          <w:rFonts w:ascii="Aptos" w:eastAsia="Aptos" w:hAnsi="Aptos" w:cs="Aptos"/>
        </w:rPr>
        <w:t xml:space="preserve"> , to check if there </w:t>
      </w:r>
      <w:r w:rsidR="58429449" w:rsidRPr="203E67D7">
        <w:rPr>
          <w:rFonts w:ascii="Aptos" w:eastAsia="Aptos" w:hAnsi="Aptos" w:cs="Aptos"/>
        </w:rPr>
        <w:t>are</w:t>
      </w:r>
      <w:r w:rsidR="2EECA6EA" w:rsidRPr="203E67D7">
        <w:rPr>
          <w:rFonts w:ascii="Aptos" w:eastAsia="Aptos" w:hAnsi="Aptos" w:cs="Aptos"/>
        </w:rPr>
        <w:t xml:space="preserve"> danger</w:t>
      </w:r>
      <w:r w:rsidR="72A0F0AC" w:rsidRPr="203E67D7">
        <w:rPr>
          <w:rFonts w:ascii="Aptos" w:eastAsia="Aptos" w:hAnsi="Aptos" w:cs="Aptos"/>
        </w:rPr>
        <w:t>s within the domain name.</w:t>
      </w:r>
    </w:p>
    <w:p w14:paraId="5CF04D18" w14:textId="49BB7AC9" w:rsidR="00CB45B9" w:rsidRDefault="363CB9B0" w:rsidP="203E67D7">
      <w:pPr>
        <w:rPr>
          <w:rFonts w:ascii="Aptos" w:eastAsia="Aptos" w:hAnsi="Aptos" w:cs="Aptos"/>
        </w:rPr>
      </w:pPr>
      <w:r w:rsidRPr="203E67D7">
        <w:rPr>
          <w:rFonts w:ascii="Aptos" w:eastAsia="Aptos" w:hAnsi="Aptos" w:cs="Aptos"/>
        </w:rPr>
        <w:t>I found these domains within the program:</w:t>
      </w:r>
    </w:p>
    <w:p w14:paraId="0F2B10E6" w14:textId="56D5C038" w:rsidR="00CB45B9" w:rsidRDefault="363CB9B0" w:rsidP="203E67D7">
      <w:pPr>
        <w:pStyle w:val="ListParagraph"/>
        <w:numPr>
          <w:ilvl w:val="0"/>
          <w:numId w:val="10"/>
        </w:numPr>
        <w:rPr>
          <w:rFonts w:ascii="Aptos" w:eastAsia="Aptos" w:hAnsi="Aptos" w:cs="Aptos"/>
        </w:rPr>
      </w:pPr>
      <w:r w:rsidRPr="203E67D7">
        <w:rPr>
          <w:rFonts w:ascii="Aptos" w:eastAsia="Aptos" w:hAnsi="Aptos" w:cs="Aptos"/>
        </w:rPr>
        <w:t>adobeflasherup1.com</w:t>
      </w:r>
    </w:p>
    <w:p w14:paraId="485D250D" w14:textId="40086DE5" w:rsidR="00CB45B9" w:rsidRDefault="363CB9B0" w:rsidP="203E67D7">
      <w:pPr>
        <w:pStyle w:val="ListParagraph"/>
        <w:numPr>
          <w:ilvl w:val="0"/>
          <w:numId w:val="10"/>
        </w:numPr>
        <w:rPr>
          <w:rFonts w:ascii="Aptos" w:eastAsia="Aptos" w:hAnsi="Aptos" w:cs="Aptos"/>
        </w:rPr>
      </w:pPr>
      <w:r w:rsidRPr="203E67D7">
        <w:rPr>
          <w:rFonts w:ascii="Aptos" w:eastAsia="Aptos" w:hAnsi="Aptos" w:cs="Aptos"/>
        </w:rPr>
        <w:t>javaoracle2.ru</w:t>
      </w:r>
    </w:p>
    <w:p w14:paraId="5075DC26" w14:textId="31A5A802" w:rsidR="00CB45B9" w:rsidRDefault="00CB45B9" w:rsidP="203E67D7">
      <w:pPr>
        <w:rPr>
          <w:rFonts w:ascii="Aptos" w:eastAsia="Aptos" w:hAnsi="Aptos" w:cs="Aptos"/>
        </w:rPr>
      </w:pPr>
    </w:p>
    <w:p w14:paraId="272BC13C" w14:textId="56A6363E" w:rsidR="00CB45B9" w:rsidRDefault="72A0F0AC" w:rsidP="203E67D7">
      <w:pPr>
        <w:rPr>
          <w:rFonts w:ascii="Aptos" w:eastAsia="Aptos" w:hAnsi="Aptos" w:cs="Aptos"/>
        </w:rPr>
      </w:pPr>
      <w:r w:rsidRPr="2D0C56E7">
        <w:rPr>
          <w:rFonts w:ascii="Aptos" w:eastAsia="Aptos" w:hAnsi="Aptos" w:cs="Aptos"/>
        </w:rPr>
        <w:lastRenderedPageBreak/>
        <w:t xml:space="preserve"> </w:t>
      </w:r>
      <w:r w:rsidR="308E24E2">
        <w:rPr>
          <w:noProof/>
        </w:rPr>
        <w:drawing>
          <wp:inline distT="0" distB="0" distL="0" distR="0" wp14:anchorId="085334AD" wp14:editId="03865A83">
            <wp:extent cx="6500766" cy="6188229"/>
            <wp:effectExtent l="0" t="0" r="0" b="0"/>
            <wp:docPr id="181557935" name="Picture 1815579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500766" cy="61882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308E24E2">
        <w:rPr>
          <w:noProof/>
        </w:rPr>
        <w:lastRenderedPageBreak/>
        <w:drawing>
          <wp:inline distT="0" distB="0" distL="0" distR="0" wp14:anchorId="26EAE406" wp14:editId="6DFD33FF">
            <wp:extent cx="5004630" cy="4924428"/>
            <wp:effectExtent l="0" t="0" r="0" b="0"/>
            <wp:docPr id="173105875" name="Picture 17310587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004630" cy="492442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C82AF79" w14:textId="336A30D0" w:rsidR="00CB45B9" w:rsidRDefault="00CB45B9" w:rsidP="203E67D7">
      <w:pPr>
        <w:rPr>
          <w:rFonts w:ascii="Aptos" w:eastAsia="Aptos" w:hAnsi="Aptos" w:cs="Aptos"/>
        </w:rPr>
      </w:pPr>
    </w:p>
    <w:p w14:paraId="54A483A4" w14:textId="3E927502" w:rsidR="00CB45B9" w:rsidRDefault="3DDE7E4E" w:rsidP="203E67D7">
      <w:pPr>
        <w:rPr>
          <w:rFonts w:ascii="Aptos" w:eastAsia="Aptos" w:hAnsi="Aptos" w:cs="Aptos"/>
        </w:rPr>
      </w:pPr>
      <w:r w:rsidRPr="203E67D7">
        <w:rPr>
          <w:rFonts w:ascii="Aptos" w:eastAsia="Aptos" w:hAnsi="Aptos" w:cs="Aptos"/>
        </w:rPr>
        <w:t xml:space="preserve">Searching these domains in the </w:t>
      </w:r>
      <w:proofErr w:type="spellStart"/>
      <w:r w:rsidRPr="203E67D7">
        <w:rPr>
          <w:rFonts w:ascii="Aptos" w:eastAsia="Aptos" w:hAnsi="Aptos" w:cs="Aptos"/>
        </w:rPr>
        <w:t>VirusTotal</w:t>
      </w:r>
      <w:proofErr w:type="spellEnd"/>
      <w:r w:rsidRPr="203E67D7">
        <w:rPr>
          <w:rFonts w:ascii="Aptos" w:eastAsia="Aptos" w:hAnsi="Aptos" w:cs="Aptos"/>
        </w:rPr>
        <w:t xml:space="preserve"> website, we found that:</w:t>
      </w:r>
    </w:p>
    <w:p w14:paraId="7B3E4607" w14:textId="7482C520" w:rsidR="00CB45B9" w:rsidRDefault="3DDE7E4E" w:rsidP="203E67D7">
      <w:pPr>
        <w:pStyle w:val="ListParagraph"/>
        <w:numPr>
          <w:ilvl w:val="0"/>
          <w:numId w:val="9"/>
        </w:numPr>
        <w:rPr>
          <w:rFonts w:ascii="Aptos" w:eastAsia="Aptos" w:hAnsi="Aptos" w:cs="Aptos"/>
        </w:rPr>
      </w:pPr>
      <w:r w:rsidRPr="2D0C56E7">
        <w:rPr>
          <w:rFonts w:ascii="Aptos" w:eastAsia="Aptos" w:hAnsi="Aptos" w:cs="Aptos"/>
        </w:rPr>
        <w:t xml:space="preserve">javaoracle2.ru, there </w:t>
      </w:r>
      <w:proofErr w:type="gramStart"/>
      <w:r w:rsidRPr="2D0C56E7">
        <w:rPr>
          <w:rFonts w:ascii="Aptos" w:eastAsia="Aptos" w:hAnsi="Aptos" w:cs="Aptos"/>
        </w:rPr>
        <w:t>is</w:t>
      </w:r>
      <w:proofErr w:type="gramEnd"/>
      <w:r w:rsidRPr="2D0C56E7">
        <w:rPr>
          <w:rFonts w:ascii="Aptos" w:eastAsia="Aptos" w:hAnsi="Aptos" w:cs="Aptos"/>
        </w:rPr>
        <w:t xml:space="preserve"> 3/91 security vendors in this URL that coul</w:t>
      </w:r>
      <w:r w:rsidR="010A253D" w:rsidRPr="2D0C56E7">
        <w:rPr>
          <w:rFonts w:ascii="Aptos" w:eastAsia="Aptos" w:hAnsi="Aptos" w:cs="Aptos"/>
        </w:rPr>
        <w:t xml:space="preserve">d be </w:t>
      </w:r>
      <w:r w:rsidR="4DF91E13" w:rsidRPr="2D0C56E7">
        <w:rPr>
          <w:rFonts w:ascii="Aptos" w:eastAsia="Aptos" w:hAnsi="Aptos" w:cs="Aptos"/>
        </w:rPr>
        <w:t xml:space="preserve">malicious. </w:t>
      </w:r>
    </w:p>
    <w:p w14:paraId="3AE597C0" w14:textId="1D32367A" w:rsidR="00CB45B9" w:rsidRDefault="010A253D" w:rsidP="203E67D7">
      <w:pPr>
        <w:pStyle w:val="ListParagraph"/>
        <w:numPr>
          <w:ilvl w:val="0"/>
          <w:numId w:val="9"/>
        </w:numPr>
        <w:rPr>
          <w:rFonts w:ascii="Aptos" w:eastAsia="Aptos" w:hAnsi="Aptos" w:cs="Aptos"/>
        </w:rPr>
      </w:pPr>
      <w:r w:rsidRPr="203E67D7">
        <w:rPr>
          <w:rFonts w:ascii="Aptos" w:eastAsia="Aptos" w:hAnsi="Aptos" w:cs="Aptos"/>
        </w:rPr>
        <w:t xml:space="preserve">adobeflasherup1.com, there </w:t>
      </w:r>
      <w:proofErr w:type="gramStart"/>
      <w:r w:rsidRPr="203E67D7">
        <w:rPr>
          <w:rFonts w:ascii="Aptos" w:eastAsia="Aptos" w:hAnsi="Aptos" w:cs="Aptos"/>
        </w:rPr>
        <w:t>is</w:t>
      </w:r>
      <w:proofErr w:type="gramEnd"/>
      <w:r w:rsidRPr="203E67D7">
        <w:rPr>
          <w:rFonts w:ascii="Aptos" w:eastAsia="Aptos" w:hAnsi="Aptos" w:cs="Aptos"/>
        </w:rPr>
        <w:t xml:space="preserve"> 5/91 security vendors in this URL that could be malicious.</w:t>
      </w:r>
    </w:p>
    <w:p w14:paraId="38CBF1C8" w14:textId="1249301F" w:rsidR="00CB45B9" w:rsidRDefault="00CB45B9" w:rsidP="203E67D7">
      <w:pPr>
        <w:rPr>
          <w:rFonts w:ascii="Aptos" w:eastAsia="Aptos" w:hAnsi="Aptos" w:cs="Aptos"/>
        </w:rPr>
      </w:pPr>
    </w:p>
    <w:p w14:paraId="7C172C30" w14:textId="338EF797" w:rsidR="00CB45B9" w:rsidRDefault="308E24E2" w:rsidP="203E67D7">
      <w:pPr>
        <w:rPr>
          <w:rFonts w:ascii="Aptos" w:eastAsia="Aptos" w:hAnsi="Aptos" w:cs="Aptos"/>
        </w:rPr>
      </w:pPr>
      <w:r>
        <w:rPr>
          <w:noProof/>
        </w:rPr>
        <w:lastRenderedPageBreak/>
        <w:drawing>
          <wp:inline distT="0" distB="0" distL="0" distR="0" wp14:anchorId="067B9794" wp14:editId="23958DBA">
            <wp:extent cx="5505452" cy="5943600"/>
            <wp:effectExtent l="0" t="0" r="0" b="0"/>
            <wp:docPr id="727424837" name="Picture 7274248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505452" cy="5943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29A6785" w14:textId="2396DBE5" w:rsidR="08CB3279" w:rsidRDefault="08CB3279" w:rsidP="2D0C56E7">
      <w:pPr>
        <w:rPr>
          <w:rFonts w:ascii="Aptos" w:eastAsia="Aptos" w:hAnsi="Aptos" w:cs="Aptos"/>
        </w:rPr>
      </w:pPr>
      <w:r w:rsidRPr="2D0C56E7">
        <w:rPr>
          <w:rFonts w:ascii="Aptos" w:eastAsia="Aptos" w:hAnsi="Aptos" w:cs="Aptos"/>
        </w:rPr>
        <w:t>Security vendor:</w:t>
      </w:r>
    </w:p>
    <w:p w14:paraId="7E90C2E6" w14:textId="46F8B672" w:rsidR="147748C4" w:rsidRDefault="147748C4" w:rsidP="2D0C56E7">
      <w:pPr>
        <w:pStyle w:val="ListParagraph"/>
        <w:numPr>
          <w:ilvl w:val="0"/>
          <w:numId w:val="8"/>
        </w:numPr>
        <w:rPr>
          <w:rFonts w:ascii="Aptos" w:eastAsia="Aptos" w:hAnsi="Aptos" w:cs="Aptos"/>
        </w:rPr>
      </w:pPr>
      <w:proofErr w:type="spellStart"/>
      <w:r w:rsidRPr="2D0C56E7">
        <w:rPr>
          <w:rFonts w:ascii="Aptos" w:eastAsia="Aptos" w:hAnsi="Aptos" w:cs="Aptos"/>
        </w:rPr>
        <w:t>Antiy</w:t>
      </w:r>
      <w:proofErr w:type="spellEnd"/>
      <w:r w:rsidRPr="2D0C56E7">
        <w:rPr>
          <w:rFonts w:ascii="Aptos" w:eastAsia="Aptos" w:hAnsi="Aptos" w:cs="Aptos"/>
        </w:rPr>
        <w:t>-AVL</w:t>
      </w:r>
      <w:r w:rsidR="0C7462E2" w:rsidRPr="2D0C56E7">
        <w:rPr>
          <w:rFonts w:ascii="Aptos" w:eastAsia="Aptos" w:hAnsi="Aptos" w:cs="Aptos"/>
        </w:rPr>
        <w:t xml:space="preserve">, a mobile antivirus engine, detects malicious </w:t>
      </w:r>
      <w:proofErr w:type="gramStart"/>
      <w:r w:rsidR="0C7462E2" w:rsidRPr="2D0C56E7">
        <w:rPr>
          <w:rFonts w:ascii="Aptos" w:eastAsia="Aptos" w:hAnsi="Aptos" w:cs="Aptos"/>
        </w:rPr>
        <w:t>contents</w:t>
      </w:r>
      <w:proofErr w:type="gramEnd"/>
      <w:r w:rsidR="0C7462E2" w:rsidRPr="2D0C56E7">
        <w:rPr>
          <w:rFonts w:ascii="Aptos" w:eastAsia="Aptos" w:hAnsi="Aptos" w:cs="Aptos"/>
        </w:rPr>
        <w:t xml:space="preserve"> within the domain name</w:t>
      </w:r>
    </w:p>
    <w:p w14:paraId="50AF915C" w14:textId="37FE73F1" w:rsidR="5FECA37E" w:rsidRDefault="5FECA37E" w:rsidP="2D0C56E7">
      <w:pPr>
        <w:pStyle w:val="ListParagraph"/>
        <w:numPr>
          <w:ilvl w:val="0"/>
          <w:numId w:val="8"/>
        </w:numPr>
        <w:rPr>
          <w:rFonts w:ascii="Aptos" w:eastAsia="Aptos" w:hAnsi="Aptos" w:cs="Aptos"/>
        </w:rPr>
      </w:pPr>
      <w:r w:rsidRPr="2D0C56E7">
        <w:rPr>
          <w:rFonts w:ascii="Aptos" w:eastAsia="Aptos" w:hAnsi="Aptos" w:cs="Aptos"/>
        </w:rPr>
        <w:t>Avira, German computer security software company, has detected malicious content within the domain name</w:t>
      </w:r>
    </w:p>
    <w:p w14:paraId="6BC1D7BC" w14:textId="3BD639FA" w:rsidR="20F8D83A" w:rsidRDefault="20F8D83A" w:rsidP="2D0C56E7">
      <w:pPr>
        <w:pStyle w:val="ListParagraph"/>
        <w:numPr>
          <w:ilvl w:val="0"/>
          <w:numId w:val="8"/>
        </w:numPr>
        <w:rPr>
          <w:rFonts w:ascii="Aptos" w:eastAsia="Aptos" w:hAnsi="Aptos" w:cs="Aptos"/>
        </w:rPr>
      </w:pPr>
      <w:r w:rsidRPr="2D0C56E7">
        <w:rPr>
          <w:rFonts w:ascii="Aptos" w:eastAsia="Aptos" w:hAnsi="Aptos" w:cs="Aptos"/>
        </w:rPr>
        <w:t>CRDF, an independent IT security lab, has also detected malicious content in the domain name</w:t>
      </w:r>
    </w:p>
    <w:p w14:paraId="1DAE0934" w14:textId="7FE3C931" w:rsidR="2D0C56E7" w:rsidRDefault="2D0C56E7" w:rsidP="2D0C56E7">
      <w:pPr>
        <w:rPr>
          <w:rFonts w:ascii="Aptos" w:eastAsia="Aptos" w:hAnsi="Aptos" w:cs="Aptos"/>
        </w:rPr>
      </w:pPr>
    </w:p>
    <w:p w14:paraId="19FC3CF8" w14:textId="2AFA8B6E" w:rsidR="00CB45B9" w:rsidRDefault="00CB45B9" w:rsidP="203E67D7"/>
    <w:p w14:paraId="2C078E63" w14:textId="2AB9F18F" w:rsidR="00CB45B9" w:rsidRDefault="308E24E2" w:rsidP="203E67D7">
      <w:r>
        <w:rPr>
          <w:noProof/>
        </w:rPr>
        <w:drawing>
          <wp:inline distT="0" distB="0" distL="0" distR="0" wp14:anchorId="0B4994FD" wp14:editId="7EF11016">
            <wp:extent cx="5534026" cy="5943600"/>
            <wp:effectExtent l="0" t="0" r="0" b="0"/>
            <wp:docPr id="281150603" name="Picture 28115060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534026" cy="5943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5AEB968" w14:textId="2396DBE5" w:rsidR="0C06D147" w:rsidRDefault="0C06D147" w:rsidP="2D0C56E7">
      <w:pPr>
        <w:rPr>
          <w:rFonts w:ascii="Aptos" w:eastAsia="Aptos" w:hAnsi="Aptos" w:cs="Aptos"/>
        </w:rPr>
      </w:pPr>
      <w:r w:rsidRPr="2D0C56E7">
        <w:rPr>
          <w:rFonts w:ascii="Aptos" w:eastAsia="Aptos" w:hAnsi="Aptos" w:cs="Aptos"/>
        </w:rPr>
        <w:t>Security vendor:</w:t>
      </w:r>
    </w:p>
    <w:p w14:paraId="1421AA04" w14:textId="46F8B672" w:rsidR="0C06D147" w:rsidRDefault="0C06D147" w:rsidP="2D0C56E7">
      <w:pPr>
        <w:pStyle w:val="ListParagraph"/>
        <w:numPr>
          <w:ilvl w:val="0"/>
          <w:numId w:val="8"/>
        </w:numPr>
        <w:rPr>
          <w:rFonts w:ascii="Aptos" w:eastAsia="Aptos" w:hAnsi="Aptos" w:cs="Aptos"/>
        </w:rPr>
      </w:pPr>
      <w:proofErr w:type="spellStart"/>
      <w:r w:rsidRPr="2D0C56E7">
        <w:rPr>
          <w:rFonts w:ascii="Aptos" w:eastAsia="Aptos" w:hAnsi="Aptos" w:cs="Aptos"/>
        </w:rPr>
        <w:t>Antiy</w:t>
      </w:r>
      <w:proofErr w:type="spellEnd"/>
      <w:r w:rsidRPr="2D0C56E7">
        <w:rPr>
          <w:rFonts w:ascii="Aptos" w:eastAsia="Aptos" w:hAnsi="Aptos" w:cs="Aptos"/>
        </w:rPr>
        <w:t xml:space="preserve">-AVL, a mobile antivirus engine, detects malicious </w:t>
      </w:r>
      <w:proofErr w:type="gramStart"/>
      <w:r w:rsidRPr="2D0C56E7">
        <w:rPr>
          <w:rFonts w:ascii="Aptos" w:eastAsia="Aptos" w:hAnsi="Aptos" w:cs="Aptos"/>
        </w:rPr>
        <w:t>contents</w:t>
      </w:r>
      <w:proofErr w:type="gramEnd"/>
      <w:r w:rsidRPr="2D0C56E7">
        <w:rPr>
          <w:rFonts w:ascii="Aptos" w:eastAsia="Aptos" w:hAnsi="Aptos" w:cs="Aptos"/>
        </w:rPr>
        <w:t xml:space="preserve"> within the domain name</w:t>
      </w:r>
    </w:p>
    <w:p w14:paraId="1EF57878" w14:textId="37FE73F1" w:rsidR="0C06D147" w:rsidRDefault="0C06D147" w:rsidP="2D0C56E7">
      <w:pPr>
        <w:pStyle w:val="ListParagraph"/>
        <w:numPr>
          <w:ilvl w:val="0"/>
          <w:numId w:val="8"/>
        </w:numPr>
        <w:rPr>
          <w:rFonts w:ascii="Aptos" w:eastAsia="Aptos" w:hAnsi="Aptos" w:cs="Aptos"/>
        </w:rPr>
      </w:pPr>
      <w:r w:rsidRPr="2D0C56E7">
        <w:rPr>
          <w:rFonts w:ascii="Aptos" w:eastAsia="Aptos" w:hAnsi="Aptos" w:cs="Aptos"/>
        </w:rPr>
        <w:t>Avira, German computer security software company, has detected malicious content within the domain name</w:t>
      </w:r>
    </w:p>
    <w:p w14:paraId="0B7315F2" w14:textId="3BD639FA" w:rsidR="0C06D147" w:rsidRDefault="0C06D147" w:rsidP="2D0C56E7">
      <w:pPr>
        <w:pStyle w:val="ListParagraph"/>
        <w:numPr>
          <w:ilvl w:val="0"/>
          <w:numId w:val="8"/>
        </w:numPr>
        <w:rPr>
          <w:rFonts w:ascii="Aptos" w:eastAsia="Aptos" w:hAnsi="Aptos" w:cs="Aptos"/>
        </w:rPr>
      </w:pPr>
      <w:r w:rsidRPr="2D0C56E7">
        <w:rPr>
          <w:rFonts w:ascii="Aptos" w:eastAsia="Aptos" w:hAnsi="Aptos" w:cs="Aptos"/>
        </w:rPr>
        <w:t>CRDF, an independent IT security lab, has also detected malicious content in the domain name</w:t>
      </w:r>
    </w:p>
    <w:p w14:paraId="3FB3209C" w14:textId="1000AF3B" w:rsidR="6F641345" w:rsidRDefault="6F641345" w:rsidP="2D0C56E7">
      <w:pPr>
        <w:pStyle w:val="ListParagraph"/>
        <w:numPr>
          <w:ilvl w:val="0"/>
          <w:numId w:val="8"/>
        </w:numPr>
        <w:rPr>
          <w:rFonts w:ascii="Aptos" w:eastAsia="Aptos" w:hAnsi="Aptos" w:cs="Aptos"/>
        </w:rPr>
      </w:pPr>
      <w:proofErr w:type="spellStart"/>
      <w:r w:rsidRPr="2D0C56E7">
        <w:rPr>
          <w:rFonts w:ascii="Aptos" w:eastAsia="Aptos" w:hAnsi="Aptos" w:cs="Aptos"/>
        </w:rPr>
        <w:lastRenderedPageBreak/>
        <w:t>CyRadar</w:t>
      </w:r>
      <w:proofErr w:type="spellEnd"/>
      <w:r w:rsidRPr="2D0C56E7">
        <w:rPr>
          <w:rFonts w:ascii="Aptos" w:eastAsia="Aptos" w:hAnsi="Aptos" w:cs="Aptos"/>
        </w:rPr>
        <w:t xml:space="preserve">, a cybersecurity company, detects malicious </w:t>
      </w:r>
      <w:proofErr w:type="gramStart"/>
      <w:r w:rsidRPr="2D0C56E7">
        <w:rPr>
          <w:rFonts w:ascii="Aptos" w:eastAsia="Aptos" w:hAnsi="Aptos" w:cs="Aptos"/>
        </w:rPr>
        <w:t>contents</w:t>
      </w:r>
      <w:proofErr w:type="gramEnd"/>
      <w:r w:rsidRPr="2D0C56E7">
        <w:rPr>
          <w:rFonts w:ascii="Aptos" w:eastAsia="Aptos" w:hAnsi="Aptos" w:cs="Aptos"/>
        </w:rPr>
        <w:t xml:space="preserve"> within the domain name  </w:t>
      </w:r>
    </w:p>
    <w:p w14:paraId="1F3383E9" w14:textId="6AD2FF34" w:rsidR="75467787" w:rsidRDefault="75467787" w:rsidP="2D0C56E7">
      <w:pPr>
        <w:pStyle w:val="ListParagraph"/>
        <w:numPr>
          <w:ilvl w:val="0"/>
          <w:numId w:val="8"/>
        </w:numPr>
        <w:rPr>
          <w:rFonts w:ascii="Aptos" w:eastAsia="Aptos" w:hAnsi="Aptos" w:cs="Aptos"/>
        </w:rPr>
      </w:pPr>
      <w:proofErr w:type="spellStart"/>
      <w:proofErr w:type="gramStart"/>
      <w:r w:rsidRPr="2D0C56E7">
        <w:rPr>
          <w:rFonts w:ascii="Aptos" w:eastAsia="Aptos" w:hAnsi="Aptos" w:cs="Aptos"/>
        </w:rPr>
        <w:t>Dr.Web</w:t>
      </w:r>
      <w:proofErr w:type="spellEnd"/>
      <w:proofErr w:type="gramEnd"/>
      <w:r w:rsidRPr="2D0C56E7">
        <w:rPr>
          <w:rFonts w:ascii="Aptos" w:eastAsia="Aptos" w:hAnsi="Aptos" w:cs="Aptos"/>
        </w:rPr>
        <w:t xml:space="preserve">, popular antivirus software, has also detected malicious content in the domain name  </w:t>
      </w:r>
    </w:p>
    <w:p w14:paraId="2E1298C4" w14:textId="716EA9CD" w:rsidR="2D0C56E7" w:rsidRDefault="2D0C56E7" w:rsidP="2D0C56E7"/>
    <w:p w14:paraId="0D22F6C8" w14:textId="1134B10A" w:rsidR="06B7EFF3" w:rsidRDefault="06B7EFF3" w:rsidP="203E67D7">
      <w:r>
        <w:t>Thus,</w:t>
      </w:r>
      <w:r w:rsidR="41E9D895">
        <w:t xml:space="preserve"> </w:t>
      </w:r>
      <w:proofErr w:type="gramStart"/>
      <w:r w:rsidR="41E9D895">
        <w:t>can</w:t>
      </w:r>
      <w:proofErr w:type="gramEnd"/>
      <w:r w:rsidR="41E9D895">
        <w:t xml:space="preserve"> help when analyzing malware by adding more details from public resources</w:t>
      </w:r>
    </w:p>
    <w:p w14:paraId="1D3774F9" w14:textId="203E56B8" w:rsidR="203E67D7" w:rsidRDefault="203E67D7" w:rsidP="203E67D7"/>
    <w:p w14:paraId="5CFB68E6" w14:textId="6E6C84CC" w:rsidR="203E67D7" w:rsidRDefault="0D843E67" w:rsidP="203E67D7">
      <w:r>
        <w:t>Symbol Tree Exploration</w:t>
      </w:r>
    </w:p>
    <w:p w14:paraId="526821AB" w14:textId="0EC1894C" w:rsidR="574A824B" w:rsidRDefault="574A824B" w:rsidP="2D0C56E7">
      <w:r>
        <w:t xml:space="preserve">Binary references malicious servers must be done by </w:t>
      </w:r>
      <w:proofErr w:type="gramStart"/>
      <w:r>
        <w:t>a network</w:t>
      </w:r>
      <w:proofErr w:type="gramEnd"/>
      <w:r>
        <w:t xml:space="preserve"> communication, or in </w:t>
      </w:r>
      <w:r w:rsidR="148DA407">
        <w:t>this case by an HTTP protocol. This is seen by the</w:t>
      </w:r>
      <w:r w:rsidR="353B316E">
        <w:t xml:space="preserve"> import functions in the Symbol Tree.</w:t>
      </w:r>
    </w:p>
    <w:p w14:paraId="3BC82B79" w14:textId="2BFE5BDD" w:rsidR="19D70D5E" w:rsidRDefault="19D70D5E" w:rsidP="2D0C56E7">
      <w:r>
        <w:rPr>
          <w:noProof/>
        </w:rPr>
        <w:drawing>
          <wp:inline distT="0" distB="0" distL="0" distR="0" wp14:anchorId="3CD09DFF" wp14:editId="28564B88">
            <wp:extent cx="2283309" cy="1933747"/>
            <wp:effectExtent l="0" t="0" r="0" b="0"/>
            <wp:docPr id="1014074542" name="Picture 101407454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283309" cy="193374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F32A201">
        <w:rPr>
          <w:noProof/>
        </w:rPr>
        <w:drawing>
          <wp:inline distT="0" distB="0" distL="0" distR="0" wp14:anchorId="0FF33FA2" wp14:editId="5D69C724">
            <wp:extent cx="2290578" cy="1922317"/>
            <wp:effectExtent l="0" t="0" r="0" b="0"/>
            <wp:docPr id="603246843" name="Picture 6032468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290578" cy="192231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816055E" w14:textId="72CC22A2" w:rsidR="09BF0669" w:rsidRDefault="09BF0669" w:rsidP="2D0C56E7">
      <w:r>
        <w:rPr>
          <w:noProof/>
        </w:rPr>
        <w:drawing>
          <wp:inline distT="0" distB="0" distL="0" distR="0" wp14:anchorId="0B2EBE1E" wp14:editId="6A452573">
            <wp:extent cx="2324302" cy="2004234"/>
            <wp:effectExtent l="0" t="0" r="0" b="0"/>
            <wp:docPr id="980837873" name="Picture 98083787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324302" cy="200423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50AC29E" w14:textId="003C96CB" w:rsidR="451D41F9" w:rsidRDefault="451D41F9" w:rsidP="2D0C56E7">
      <w:r>
        <w:rPr>
          <w:noProof/>
        </w:rPr>
        <w:lastRenderedPageBreak/>
        <w:drawing>
          <wp:inline distT="0" distB="0" distL="0" distR="0" wp14:anchorId="0F4CE92D" wp14:editId="15F417F7">
            <wp:extent cx="1931829" cy="2185888"/>
            <wp:effectExtent l="0" t="0" r="0" b="0"/>
            <wp:docPr id="1624227429" name="Picture 16242274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931829" cy="218588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 wp14:anchorId="0640562B" wp14:editId="035C9F34">
            <wp:extent cx="1844200" cy="2209985"/>
            <wp:effectExtent l="0" t="0" r="0" b="0"/>
            <wp:docPr id="1711903654" name="Picture 171190365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844200" cy="22099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7C0E96F" w14:textId="6DBA7A1C" w:rsidR="203E67D7" w:rsidRDefault="39752BF2" w:rsidP="203E67D7">
      <w:r>
        <w:t xml:space="preserve">Within the ASVAPI32.DLL, there </w:t>
      </w:r>
      <w:proofErr w:type="gramStart"/>
      <w:r>
        <w:t>is</w:t>
      </w:r>
      <w:proofErr w:type="gramEnd"/>
      <w:r>
        <w:t xml:space="preserve"> </w:t>
      </w:r>
      <w:r w:rsidR="5E7A4FF8">
        <w:t xml:space="preserve">certain functions named Reg* that deals </w:t>
      </w:r>
      <w:r w:rsidR="7F27DD5F">
        <w:t>with Windows</w:t>
      </w:r>
      <w:r w:rsidR="5E7A4FF8">
        <w:t xml:space="preserve"> Registry, Service/</w:t>
      </w:r>
      <w:proofErr w:type="spellStart"/>
      <w:r w:rsidR="5E7A4FF8">
        <w:t>SCManager</w:t>
      </w:r>
      <w:proofErr w:type="spellEnd"/>
      <w:r w:rsidR="5E7A4FF8">
        <w:t xml:space="preserve"> that deals with the Windows Service Control </w:t>
      </w:r>
      <w:r w:rsidR="2DAD92CA">
        <w:t xml:space="preserve">Manager. </w:t>
      </w:r>
    </w:p>
    <w:p w14:paraId="25653E74" w14:textId="37C5C0BC" w:rsidR="2D0C56E7" w:rsidRDefault="2D0C56E7" w:rsidP="2D0C56E7"/>
    <w:p w14:paraId="33DF9F96" w14:textId="0612B780" w:rsidR="78BE5451" w:rsidRDefault="78BE5451" w:rsidP="2D0C56E7">
      <w:r>
        <w:t>Compilation for the file:</w:t>
      </w:r>
    </w:p>
    <w:p w14:paraId="23543C15" w14:textId="0E5B3876" w:rsidR="59C07001" w:rsidRDefault="59C07001" w:rsidP="2D0C56E7">
      <w:r>
        <w:rPr>
          <w:noProof/>
        </w:rPr>
        <w:lastRenderedPageBreak/>
        <w:drawing>
          <wp:inline distT="0" distB="0" distL="0" distR="0" wp14:anchorId="0D4B0240" wp14:editId="7BAFF3BD">
            <wp:extent cx="5619752" cy="5943600"/>
            <wp:effectExtent l="0" t="0" r="0" b="0"/>
            <wp:docPr id="1373184750" name="Picture 137318475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619752" cy="5943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808C5CA" w14:textId="643BBE31" w:rsidR="4C04CD3D" w:rsidRDefault="4C04CD3D" w:rsidP="2D0C56E7">
      <w:r>
        <w:t>Malicious files tend to generate other files, and in this case the spark.exe must be</w:t>
      </w:r>
      <w:r w:rsidR="5FFA9754">
        <w:t xml:space="preserve"> clicked on to work. </w:t>
      </w:r>
    </w:p>
    <w:p w14:paraId="2C16115E" w14:textId="7A8A3F41" w:rsidR="4C04CD3D" w:rsidRDefault="4C04CD3D" w:rsidP="2D0C56E7">
      <w:pPr>
        <w:rPr>
          <w:rFonts w:ascii="Aptos" w:eastAsia="Aptos" w:hAnsi="Aptos" w:cs="Aptos"/>
        </w:rPr>
      </w:pPr>
      <w:proofErr w:type="gramStart"/>
      <w:r w:rsidRPr="2D0C56E7">
        <w:rPr>
          <w:rFonts w:ascii="Aptos" w:eastAsia="Aptos" w:hAnsi="Aptos" w:cs="Aptos"/>
        </w:rPr>
        <w:t>The</w:t>
      </w:r>
      <w:proofErr w:type="gramEnd"/>
      <w:r w:rsidRPr="2D0C56E7">
        <w:rPr>
          <w:rFonts w:ascii="Aptos" w:eastAsia="Aptos" w:hAnsi="Aptos" w:cs="Aptos"/>
        </w:rPr>
        <w:t xml:space="preserve"> analysis of the imports, we notice that spark.exe has APIs to deal with the Windows Service Control Manager. </w:t>
      </w:r>
      <w:r w:rsidR="406A9C0C">
        <w:t xml:space="preserve">Starting bytes is </w:t>
      </w:r>
      <w:r w:rsidR="406A9C0C" w:rsidRPr="2D0C56E7">
        <w:rPr>
          <w:rFonts w:ascii="Aptos" w:eastAsia="Aptos" w:hAnsi="Aptos" w:cs="Aptos"/>
        </w:rPr>
        <w:t xml:space="preserve">4d 5a 90 00, </w:t>
      </w:r>
      <w:r w:rsidR="03C9488E" w:rsidRPr="2D0C56E7">
        <w:rPr>
          <w:rFonts w:ascii="Aptos" w:eastAsia="Aptos" w:hAnsi="Aptos" w:cs="Aptos"/>
        </w:rPr>
        <w:t>can be used as the signature of the file</w:t>
      </w:r>
      <w:r w:rsidR="746988BA" w:rsidRPr="2D0C56E7">
        <w:rPr>
          <w:rFonts w:ascii="Aptos" w:eastAsia="Aptos" w:hAnsi="Aptos" w:cs="Aptos"/>
        </w:rPr>
        <w:t>; indicates the file is a Portable Executable</w:t>
      </w:r>
    </w:p>
    <w:p w14:paraId="4E09B340" w14:textId="06906979" w:rsidR="2D0C56E7" w:rsidRDefault="2D0C56E7" w:rsidP="2D0C56E7"/>
    <w:p w14:paraId="7B356EE8" w14:textId="2633CF90" w:rsidR="2D0C56E7" w:rsidRDefault="2D0C56E7" w:rsidP="2D0C56E7"/>
    <w:p w14:paraId="0FBA0AFF" w14:textId="02D9273E" w:rsidR="1A3F78FC" w:rsidRDefault="1A3F78FC" w:rsidP="2D0C56E7">
      <w:r>
        <w:rPr>
          <w:noProof/>
        </w:rPr>
        <w:lastRenderedPageBreak/>
        <w:drawing>
          <wp:inline distT="0" distB="0" distL="0" distR="0" wp14:anchorId="1C0D99F4" wp14:editId="31D06B5E">
            <wp:extent cx="6017664" cy="3095625"/>
            <wp:effectExtent l="0" t="0" r="0" b="0"/>
            <wp:docPr id="1998046731" name="Picture 19980467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017664" cy="3095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1E1F65" w14:textId="6DFF8913" w:rsidR="04515525" w:rsidRDefault="04515525" w:rsidP="2D0C56E7">
      <w:proofErr w:type="gramStart"/>
      <w:r>
        <w:t>Calculate</w:t>
      </w:r>
      <w:proofErr w:type="gramEnd"/>
      <w:r>
        <w:t xml:space="preserve"> the difference with the start address and end address, we get the size of the file which is 0x051ff. This will be used when extracting </w:t>
      </w:r>
      <w:r w:rsidR="69176355">
        <w:t xml:space="preserve">rk.sys file within the spark.exe. </w:t>
      </w:r>
    </w:p>
    <w:p w14:paraId="2365F12B" w14:textId="449BD821" w:rsidR="68754056" w:rsidRDefault="68754056" w:rsidP="2D0C56E7">
      <w:r>
        <w:rPr>
          <w:noProof/>
        </w:rPr>
        <w:drawing>
          <wp:inline distT="0" distB="0" distL="0" distR="0" wp14:anchorId="24D19809" wp14:editId="6123A285">
            <wp:extent cx="4914900" cy="4143008"/>
            <wp:effectExtent l="0" t="0" r="0" b="0"/>
            <wp:docPr id="1922144159" name="Picture 192214415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914900" cy="414300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7845514" w14:textId="6389F71A" w:rsidR="2D0C56E7" w:rsidRDefault="2D0C56E7" w:rsidP="2D0C56E7"/>
    <w:p w14:paraId="03032144" w14:textId="4BA352F3" w:rsidR="6E6A076B" w:rsidRDefault="6E6A076B" w:rsidP="2D0C56E7">
      <w:r>
        <w:rPr>
          <w:noProof/>
        </w:rPr>
        <w:lastRenderedPageBreak/>
        <w:drawing>
          <wp:inline distT="0" distB="0" distL="0" distR="0" wp14:anchorId="6C2B6B97" wp14:editId="4C53FB33">
            <wp:extent cx="4407336" cy="3291376"/>
            <wp:effectExtent l="0" t="0" r="0" b="0"/>
            <wp:docPr id="1905759849" name="Picture 190575984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407336" cy="329137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4375455" w14:textId="42A21E00" w:rsidR="5EABDED0" w:rsidRDefault="5EABDED0" w:rsidP="2D0C56E7">
      <w:r>
        <w:t xml:space="preserve">Start by with the spark.exe, and search within </w:t>
      </w:r>
      <w:proofErr w:type="gramStart"/>
      <w:r>
        <w:t>the memory</w:t>
      </w:r>
      <w:proofErr w:type="gramEnd"/>
      <w:r>
        <w:t xml:space="preserve"> for the 4D 5A 90 00 pattern</w:t>
      </w:r>
    </w:p>
    <w:p w14:paraId="716CFCFD" w14:textId="154283B2" w:rsidR="2D0C56E7" w:rsidRDefault="2D0C56E7" w:rsidP="2D0C56E7"/>
    <w:p w14:paraId="59907699" w14:textId="1ACA54F7" w:rsidR="79841E0B" w:rsidRDefault="79841E0B" w:rsidP="2D0C56E7">
      <w:r>
        <w:rPr>
          <w:noProof/>
        </w:rPr>
        <w:lastRenderedPageBreak/>
        <w:drawing>
          <wp:inline distT="0" distB="0" distL="0" distR="0" wp14:anchorId="48E6E0F8" wp14:editId="54277C9C">
            <wp:extent cx="5235392" cy="5524978"/>
            <wp:effectExtent l="0" t="0" r="0" b="0"/>
            <wp:docPr id="1790438769" name="Picture 179043876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235392" cy="552497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B88E070" w14:textId="3B40CE34" w:rsidR="58A37706" w:rsidRDefault="58A37706" w:rsidP="2D0C56E7">
      <w:r>
        <w:t xml:space="preserve">After the calculation from earlier, we </w:t>
      </w:r>
      <w:r w:rsidR="39FD7D69">
        <w:t>get 0x51FF bytes in size, and then we will select the bytes with the next few steps</w:t>
      </w:r>
      <w:r w:rsidR="75FA6617">
        <w:t>.</w:t>
      </w:r>
    </w:p>
    <w:p w14:paraId="19207AB6" w14:textId="5FDBDF64" w:rsidR="5FE53586" w:rsidRDefault="5FE53586" w:rsidP="2D0C56E7">
      <w:r>
        <w:rPr>
          <w:noProof/>
        </w:rPr>
        <w:lastRenderedPageBreak/>
        <w:drawing>
          <wp:inline distT="0" distB="0" distL="0" distR="0" wp14:anchorId="3A593137" wp14:editId="232F16EF">
            <wp:extent cx="5448300" cy="4601370"/>
            <wp:effectExtent l="0" t="0" r="0" b="0"/>
            <wp:docPr id="1626562113" name="Picture 16265621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448300" cy="46013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6C566A9" w14:textId="7A9F3C73" w:rsidR="15CE6442" w:rsidRDefault="15CE6442" w:rsidP="2D0C56E7">
      <w:r>
        <w:t>Once found we will extract and import</w:t>
      </w:r>
      <w:r w:rsidR="4D6C4A56">
        <w:t xml:space="preserve">, where the .data file is added to the project with the selected bytes. </w:t>
      </w:r>
    </w:p>
    <w:p w14:paraId="69180252" w14:textId="3ACEBB38" w:rsidR="2D0C56E7" w:rsidRDefault="2D0C56E7" w:rsidP="2D0C56E7"/>
    <w:p w14:paraId="26A5E476" w14:textId="478CEAFA" w:rsidR="2D0C56E7" w:rsidRDefault="2D0C56E7" w:rsidP="2D0C56E7"/>
    <w:p w14:paraId="58F904E6" w14:textId="2E8CA9EC" w:rsidR="0D998D20" w:rsidRDefault="0D998D20" w:rsidP="2D0C56E7">
      <w:r>
        <w:rPr>
          <w:noProof/>
        </w:rPr>
        <w:lastRenderedPageBreak/>
        <w:drawing>
          <wp:inline distT="0" distB="0" distL="0" distR="0" wp14:anchorId="65D9D141" wp14:editId="2A32A71C">
            <wp:extent cx="2423370" cy="2438612"/>
            <wp:effectExtent l="0" t="0" r="0" b="0"/>
            <wp:docPr id="837097622" name="Picture 8370976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423370" cy="243861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849A074" w14:textId="4417B1CD" w:rsidR="201C6317" w:rsidRDefault="201C6317" w:rsidP="2D0C56E7">
      <w:r>
        <w:t xml:space="preserve">Now, we begin to analyze the malware at the main entry of the program. </w:t>
      </w:r>
      <w:r w:rsidR="0BC6B59E">
        <w:t xml:space="preserve">Open the </w:t>
      </w:r>
      <w:proofErr w:type="spellStart"/>
      <w:r w:rsidR="0BC6B59E">
        <w:t>CodeBrowser</w:t>
      </w:r>
      <w:proofErr w:type="spellEnd"/>
      <w:r w:rsidR="3FA2B910">
        <w:t xml:space="preserve">, and we begin to look for the entry point. </w:t>
      </w:r>
    </w:p>
    <w:p w14:paraId="54CA451E" w14:textId="143D6163" w:rsidR="1B2814A5" w:rsidRDefault="1B2814A5" w:rsidP="2D0C56E7">
      <w:r>
        <w:rPr>
          <w:noProof/>
        </w:rPr>
        <w:drawing>
          <wp:inline distT="0" distB="0" distL="0" distR="0" wp14:anchorId="1AD2FDA0" wp14:editId="181873DD">
            <wp:extent cx="5943600" cy="2905125"/>
            <wp:effectExtent l="0" t="0" r="0" b="0"/>
            <wp:docPr id="1282985660" name="Picture 12829856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9051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B37CE22" w14:textId="75131E55" w:rsidR="1B2814A5" w:rsidRDefault="1B2814A5" w:rsidP="2D0C56E7">
      <w:r>
        <w:rPr>
          <w:noProof/>
        </w:rPr>
        <w:lastRenderedPageBreak/>
        <w:drawing>
          <wp:inline distT="0" distB="0" distL="0" distR="0" wp14:anchorId="310AEFA4" wp14:editId="63E153F5">
            <wp:extent cx="5943600" cy="4724398"/>
            <wp:effectExtent l="0" t="0" r="0" b="0"/>
            <wp:docPr id="1695982555" name="Picture 169598255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7243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D7C9CEF" w14:textId="0C1A717E" w:rsidR="49CB608B" w:rsidRDefault="49CB608B" w:rsidP="2D0C56E7">
      <w:pPr>
        <w:rPr>
          <w:rFonts w:ascii="Aptos" w:eastAsia="Aptos" w:hAnsi="Aptos" w:cs="Aptos"/>
        </w:rPr>
      </w:pPr>
      <w:r>
        <w:t xml:space="preserve">From here, we are looking at the </w:t>
      </w:r>
      <w:r w:rsidRPr="2D0C56E7">
        <w:rPr>
          <w:rFonts w:ascii="Aptos" w:eastAsia="Aptos" w:hAnsi="Aptos" w:cs="Aptos"/>
        </w:rPr>
        <w:t>__security__</w:t>
      </w:r>
      <w:proofErr w:type="spellStart"/>
      <w:r w:rsidRPr="2D0C56E7">
        <w:rPr>
          <w:rFonts w:ascii="Aptos" w:eastAsia="Aptos" w:hAnsi="Aptos" w:cs="Aptos"/>
        </w:rPr>
        <w:t>init_cookie</w:t>
      </w:r>
      <w:proofErr w:type="spellEnd"/>
      <w:r w:rsidRPr="2D0C56E7">
        <w:rPr>
          <w:rFonts w:ascii="Aptos" w:eastAsia="Aptos" w:hAnsi="Aptos" w:cs="Aptos"/>
        </w:rPr>
        <w:t>, and the _</w:t>
      </w:r>
      <w:proofErr w:type="spellStart"/>
      <w:proofErr w:type="gramStart"/>
      <w:r w:rsidRPr="2D0C56E7">
        <w:rPr>
          <w:rFonts w:ascii="Aptos" w:eastAsia="Aptos" w:hAnsi="Aptos" w:cs="Aptos"/>
        </w:rPr>
        <w:t>tmainCRTStartup</w:t>
      </w:r>
      <w:proofErr w:type="spellEnd"/>
      <w:r w:rsidRPr="2D0C56E7">
        <w:rPr>
          <w:rFonts w:ascii="Aptos" w:eastAsia="Aptos" w:hAnsi="Aptos" w:cs="Aptos"/>
        </w:rPr>
        <w:t xml:space="preserve">  functions</w:t>
      </w:r>
      <w:proofErr w:type="gramEnd"/>
      <w:r w:rsidR="18D13976" w:rsidRPr="2D0C56E7">
        <w:rPr>
          <w:rFonts w:ascii="Aptos" w:eastAsia="Aptos" w:hAnsi="Aptos" w:cs="Aptos"/>
        </w:rPr>
        <w:t>. The _</w:t>
      </w:r>
      <w:proofErr w:type="spellStart"/>
      <w:r w:rsidR="18D13976" w:rsidRPr="2D0C56E7">
        <w:rPr>
          <w:rFonts w:ascii="Aptos" w:eastAsia="Aptos" w:hAnsi="Aptos" w:cs="Aptos"/>
        </w:rPr>
        <w:t>security_init_cookie</w:t>
      </w:r>
      <w:proofErr w:type="spellEnd"/>
      <w:r w:rsidR="18D13976" w:rsidRPr="2D0C56E7">
        <w:rPr>
          <w:rFonts w:ascii="Aptos" w:eastAsia="Aptos" w:hAnsi="Aptos" w:cs="Aptos"/>
        </w:rPr>
        <w:t xml:space="preserve"> </w:t>
      </w:r>
      <w:r w:rsidR="454ABFBF" w:rsidRPr="2D0C56E7">
        <w:rPr>
          <w:rFonts w:ascii="Aptos" w:eastAsia="Aptos" w:hAnsi="Aptos" w:cs="Aptos"/>
        </w:rPr>
        <w:t xml:space="preserve">is </w:t>
      </w:r>
      <w:proofErr w:type="gramStart"/>
      <w:r w:rsidR="454ABFBF" w:rsidRPr="2D0C56E7">
        <w:rPr>
          <w:rFonts w:ascii="Aptos" w:eastAsia="Aptos" w:hAnsi="Aptos" w:cs="Aptos"/>
        </w:rPr>
        <w:t>global</w:t>
      </w:r>
      <w:proofErr w:type="gramEnd"/>
      <w:r w:rsidR="454ABFBF" w:rsidRPr="2D0C56E7">
        <w:rPr>
          <w:rFonts w:ascii="Aptos" w:eastAsia="Aptos" w:hAnsi="Aptos" w:cs="Aptos"/>
        </w:rPr>
        <w:t xml:space="preserve"> security cookie used for </w:t>
      </w:r>
      <w:r w:rsidR="1271D370" w:rsidRPr="2D0C56E7">
        <w:rPr>
          <w:rFonts w:ascii="Aptos" w:eastAsia="Aptos" w:hAnsi="Aptos" w:cs="Aptos"/>
        </w:rPr>
        <w:t xml:space="preserve">exception handling, and buffer </w:t>
      </w:r>
      <w:r w:rsidR="7E0D40AE" w:rsidRPr="2D0C56E7">
        <w:rPr>
          <w:rFonts w:ascii="Aptos" w:eastAsia="Aptos" w:hAnsi="Aptos" w:cs="Aptos"/>
        </w:rPr>
        <w:t>overrun</w:t>
      </w:r>
      <w:r w:rsidR="1271D370" w:rsidRPr="2D0C56E7">
        <w:rPr>
          <w:rFonts w:ascii="Aptos" w:eastAsia="Aptos" w:hAnsi="Aptos" w:cs="Aptos"/>
        </w:rPr>
        <w:t xml:space="preserve"> protection in code complied with the Buffer Security Check. </w:t>
      </w:r>
      <w:r w:rsidR="6712B0FE" w:rsidRPr="2D0C56E7">
        <w:rPr>
          <w:rFonts w:ascii="Aptos" w:eastAsia="Aptos" w:hAnsi="Aptos" w:cs="Aptos"/>
        </w:rPr>
        <w:t>The _</w:t>
      </w:r>
      <w:proofErr w:type="spellStart"/>
      <w:r w:rsidR="6712B0FE" w:rsidRPr="2D0C56E7">
        <w:rPr>
          <w:rFonts w:ascii="Aptos" w:eastAsia="Aptos" w:hAnsi="Aptos" w:cs="Aptos"/>
        </w:rPr>
        <w:t>tmainCRTStartup</w:t>
      </w:r>
      <w:proofErr w:type="spellEnd"/>
      <w:r w:rsidR="6712B0FE" w:rsidRPr="2D0C56E7">
        <w:rPr>
          <w:rFonts w:ascii="Aptos" w:eastAsia="Aptos" w:hAnsi="Aptos" w:cs="Aptos"/>
        </w:rPr>
        <w:t xml:space="preserve"> is an entry point function responsible for performing </w:t>
      </w:r>
      <w:proofErr w:type="spellStart"/>
      <w:r w:rsidR="6712B0FE" w:rsidRPr="2D0C56E7">
        <w:rPr>
          <w:rFonts w:ascii="Aptos" w:eastAsia="Aptos" w:hAnsi="Aptos" w:cs="Aptos"/>
        </w:rPr>
        <w:t>inintalization</w:t>
      </w:r>
      <w:proofErr w:type="spellEnd"/>
      <w:r w:rsidR="6712B0FE" w:rsidRPr="2D0C56E7">
        <w:rPr>
          <w:rFonts w:ascii="Aptos" w:eastAsia="Aptos" w:hAnsi="Aptos" w:cs="Aptos"/>
        </w:rPr>
        <w:t xml:space="preserve"> tasks before the </w:t>
      </w:r>
      <w:proofErr w:type="gramStart"/>
      <w:r w:rsidR="6712B0FE" w:rsidRPr="2D0C56E7">
        <w:rPr>
          <w:rFonts w:ascii="Aptos" w:eastAsia="Aptos" w:hAnsi="Aptos" w:cs="Aptos"/>
        </w:rPr>
        <w:t>main(</w:t>
      </w:r>
      <w:proofErr w:type="gramEnd"/>
      <w:r w:rsidR="6712B0FE" w:rsidRPr="2D0C56E7">
        <w:rPr>
          <w:rFonts w:ascii="Aptos" w:eastAsia="Aptos" w:hAnsi="Aptos" w:cs="Aptos"/>
        </w:rPr>
        <w:t>) functions is called</w:t>
      </w:r>
      <w:r w:rsidR="79C24208" w:rsidRPr="2D0C56E7">
        <w:rPr>
          <w:rFonts w:ascii="Aptos" w:eastAsia="Aptos" w:hAnsi="Aptos" w:cs="Aptos"/>
        </w:rPr>
        <w:t>.</w:t>
      </w:r>
    </w:p>
    <w:p w14:paraId="2471B82D" w14:textId="6B3D9DD0" w:rsidR="2D0C56E7" w:rsidRDefault="2D0C56E7" w:rsidP="2D0C56E7">
      <w:pPr>
        <w:rPr>
          <w:rFonts w:ascii="Aptos" w:eastAsia="Aptos" w:hAnsi="Aptos" w:cs="Aptos"/>
        </w:rPr>
      </w:pPr>
    </w:p>
    <w:p w14:paraId="00C1CED6" w14:textId="0E0075A0" w:rsidR="12C47050" w:rsidRDefault="12C47050" w:rsidP="67C5D71E">
      <w:r>
        <w:t>Part 1 Submission: 3/12</w:t>
      </w:r>
    </w:p>
    <w:p w14:paraId="4E724E6D" w14:textId="5414D7BF" w:rsidR="6022D49E" w:rsidRDefault="6022D49E" w:rsidP="67C5D71E">
      <w:proofErr w:type="spellStart"/>
      <w:r>
        <w:t>Ghidra</w:t>
      </w:r>
      <w:proofErr w:type="spellEnd"/>
      <w:r>
        <w:t xml:space="preserve"> Function – Memory Map</w:t>
      </w:r>
    </w:p>
    <w:p w14:paraId="61DB4224" w14:textId="3A05F10B" w:rsidR="1351D75F" w:rsidRDefault="1351D75F" w:rsidP="67C5D71E">
      <w:r>
        <w:t>Memory maps allow you to see memory blocks of the binary and the associated permissions</w:t>
      </w:r>
      <w:r w:rsidR="56E62606">
        <w:t xml:space="preserve">. In this case, we are looking at the </w:t>
      </w:r>
      <w:proofErr w:type="spellStart"/>
      <w:r w:rsidR="56E62606">
        <w:t>WinMain</w:t>
      </w:r>
      <w:proofErr w:type="spellEnd"/>
      <w:r w:rsidR="56E62606">
        <w:t xml:space="preserve"> function from </w:t>
      </w:r>
      <w:proofErr w:type="gramStart"/>
      <w:r w:rsidR="56E62606">
        <w:t>the Spark.exe</w:t>
      </w:r>
      <w:proofErr w:type="gramEnd"/>
    </w:p>
    <w:p w14:paraId="1AA791B0" w14:textId="25632444" w:rsidR="6022D49E" w:rsidRDefault="6022D49E" w:rsidP="67C5D71E">
      <w:r>
        <w:rPr>
          <w:noProof/>
        </w:rPr>
        <w:lastRenderedPageBreak/>
        <w:drawing>
          <wp:inline distT="0" distB="0" distL="0" distR="0" wp14:anchorId="3CA797E4" wp14:editId="12753C18">
            <wp:extent cx="5943600" cy="2800350"/>
            <wp:effectExtent l="0" t="0" r="0" b="0"/>
            <wp:docPr id="1800108132" name="Picture 18001081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8003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D16D07B" w14:textId="42E890B5" w:rsidR="2D0C56E7" w:rsidRDefault="2D0C56E7" w:rsidP="2D0C56E7"/>
    <w:p w14:paraId="4EEBF26A" w14:textId="0C63DF9E" w:rsidR="67C5D71E" w:rsidRDefault="67C5D71E" w:rsidP="67C5D71E"/>
    <w:p w14:paraId="4ECC97D3" w14:textId="1A9E0BAD" w:rsidR="67C5D71E" w:rsidRDefault="67C5D71E" w:rsidP="67C5D71E"/>
    <w:p w14:paraId="48507700" w14:textId="1D533510" w:rsidR="67C5D71E" w:rsidRDefault="67C5D71E" w:rsidP="67C5D71E"/>
    <w:p w14:paraId="52BF8F29" w14:textId="7AC66F90" w:rsidR="67C5D71E" w:rsidRDefault="67C5D71E" w:rsidP="67C5D71E"/>
    <w:p w14:paraId="1EA024AD" w14:textId="77300DC8" w:rsidR="6BCA6D52" w:rsidRDefault="5628F747" w:rsidP="6BCA6D52">
      <w:r>
        <w:t xml:space="preserve">Final Submission: </w:t>
      </w:r>
    </w:p>
    <w:p w14:paraId="41E4386D" w14:textId="3BDDEA92" w:rsidR="31CA5B92" w:rsidRDefault="4B66C6D4" w:rsidP="67C5D71E">
      <w:r>
        <w:rPr>
          <w:noProof/>
        </w:rPr>
        <w:drawing>
          <wp:inline distT="0" distB="0" distL="0" distR="0" wp14:anchorId="5062564E" wp14:editId="2EC68F53">
            <wp:extent cx="5943600" cy="3028950"/>
            <wp:effectExtent l="0" t="0" r="0" b="0"/>
            <wp:docPr id="1816061148" name="Picture 181606114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0289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5F6C275" w14:textId="4E57DA36" w:rsidR="31CA5B92" w:rsidRDefault="31CA5B92" w:rsidP="67C5D71E">
      <w:r>
        <w:lastRenderedPageBreak/>
        <w:t>Listing for Spark.exe</w:t>
      </w:r>
      <w:r w:rsidR="349B0C2B">
        <w:t xml:space="preserve">. </w:t>
      </w:r>
      <w:proofErr w:type="gramStart"/>
      <w:r w:rsidR="349B0C2B">
        <w:t>View</w:t>
      </w:r>
      <w:proofErr w:type="gramEnd"/>
      <w:r w:rsidR="349B0C2B">
        <w:t xml:space="preserve"> of the program's binary code represented as assembly language instructions.</w:t>
      </w:r>
    </w:p>
    <w:p w14:paraId="024B0C8C" w14:textId="781C67DB" w:rsidR="31CA5B92" w:rsidRDefault="31CA5B92" w:rsidP="6BCA6D52">
      <w:r>
        <w:t xml:space="preserve">        00455f6c 8d bd 28        LEA        EDI=&gt;</w:t>
      </w:r>
      <w:proofErr w:type="spellStart"/>
      <w:r>
        <w:t>local_</w:t>
      </w:r>
      <w:proofErr w:type="gramStart"/>
      <w:r>
        <w:t>dc</w:t>
      </w:r>
      <w:proofErr w:type="spellEnd"/>
      <w:r>
        <w:t>,[</w:t>
      </w:r>
      <w:proofErr w:type="gramEnd"/>
      <w:r>
        <w:t>EBP + 0xffffff28]</w:t>
      </w:r>
    </w:p>
    <w:p w14:paraId="058481AC" w14:textId="03CFD64B" w:rsidR="31CA5B92" w:rsidRDefault="31CA5B92" w:rsidP="6BCA6D52">
      <w:r>
        <w:t xml:space="preserve">                 ff </w:t>
      </w:r>
      <w:proofErr w:type="spellStart"/>
      <w:r>
        <w:t>ff</w:t>
      </w:r>
      <w:proofErr w:type="spellEnd"/>
      <w:r>
        <w:t xml:space="preserve"> </w:t>
      </w:r>
      <w:proofErr w:type="spellStart"/>
      <w:r>
        <w:t>ff</w:t>
      </w:r>
      <w:proofErr w:type="spellEnd"/>
    </w:p>
    <w:p w14:paraId="3BCC2756" w14:textId="010029C4" w:rsidR="31CA5B92" w:rsidRDefault="31CA5B92" w:rsidP="6BCA6D52">
      <w:r>
        <w:t xml:space="preserve">        00455f72 b9 36 00        MOV        ECX,0x36</w:t>
      </w:r>
    </w:p>
    <w:p w14:paraId="0345E778" w14:textId="0867CFEE" w:rsidR="31CA5B92" w:rsidRDefault="31CA5B92" w:rsidP="6BCA6D52">
      <w:r>
        <w:t xml:space="preserve">                 00 00</w:t>
      </w:r>
    </w:p>
    <w:p w14:paraId="3EF5D6F9" w14:textId="1A1E534B" w:rsidR="31CA5B92" w:rsidRDefault="31CA5B92" w:rsidP="6BCA6D52">
      <w:r>
        <w:t xml:space="preserve">        00455f77 b8 cc </w:t>
      </w:r>
      <w:proofErr w:type="spellStart"/>
      <w:r>
        <w:t>cc</w:t>
      </w:r>
      <w:proofErr w:type="spellEnd"/>
      <w:r>
        <w:t xml:space="preserve">        MOV        EAX,0xcccccccc</w:t>
      </w:r>
    </w:p>
    <w:p w14:paraId="3F7A00B8" w14:textId="32C46C57" w:rsidR="31CA5B92" w:rsidRDefault="31CA5B92" w:rsidP="6BCA6D52">
      <w:r>
        <w:t xml:space="preserve">                 cc </w:t>
      </w:r>
      <w:proofErr w:type="spellStart"/>
      <w:proofErr w:type="gramStart"/>
      <w:r>
        <w:t>cc</w:t>
      </w:r>
      <w:proofErr w:type="spellEnd"/>
      <w:proofErr w:type="gramEnd"/>
    </w:p>
    <w:p w14:paraId="1D5334FE" w14:textId="62B5E297" w:rsidR="31CA5B92" w:rsidRDefault="31CA5B92" w:rsidP="6BCA6D52">
      <w:r>
        <w:t xml:space="preserve">        00455f7c f3 ab           </w:t>
      </w:r>
      <w:proofErr w:type="gramStart"/>
      <w:r>
        <w:t>STOSD.REP  ES</w:t>
      </w:r>
      <w:proofErr w:type="gramEnd"/>
      <w:r>
        <w:t>:EDI</w:t>
      </w:r>
    </w:p>
    <w:p w14:paraId="71A4081A" w14:textId="17D10CCB" w:rsidR="31CA5B92" w:rsidRDefault="31CA5B92" w:rsidP="6BCA6D52">
      <w:r>
        <w:t xml:space="preserve">        00455f7e e8 92 23        CALL       </w:t>
      </w:r>
      <w:proofErr w:type="spellStart"/>
      <w:r>
        <w:t>intantiateAndPersistToAppData</w:t>
      </w:r>
      <w:proofErr w:type="spellEnd"/>
      <w:r>
        <w:t xml:space="preserve">                    undefined </w:t>
      </w:r>
      <w:proofErr w:type="spellStart"/>
      <w:r>
        <w:t>intantiateAndPersistTo</w:t>
      </w:r>
      <w:proofErr w:type="spellEnd"/>
    </w:p>
    <w:p w14:paraId="67444EA2" w14:textId="01BDDFEC" w:rsidR="31CA5B92" w:rsidRDefault="31CA5B92" w:rsidP="6BCA6D52">
      <w:r>
        <w:t xml:space="preserve">                 ff </w:t>
      </w:r>
      <w:proofErr w:type="spellStart"/>
      <w:r>
        <w:t>ff</w:t>
      </w:r>
      <w:proofErr w:type="spellEnd"/>
    </w:p>
    <w:p w14:paraId="024DAF60" w14:textId="365D2181" w:rsidR="31CA5B92" w:rsidRDefault="31CA5B92" w:rsidP="6BCA6D52">
      <w:r>
        <w:t xml:space="preserve">        00455f89 e8 12 1b        CALL       </w:t>
      </w:r>
      <w:proofErr w:type="spellStart"/>
      <w:r>
        <w:t>cleanPreviousInfections</w:t>
      </w:r>
      <w:proofErr w:type="spellEnd"/>
      <w:r>
        <w:t xml:space="preserve">                          undefined </w:t>
      </w:r>
      <w:proofErr w:type="spellStart"/>
      <w:r>
        <w:t>cleanPreviousInfection</w:t>
      </w:r>
      <w:proofErr w:type="spellEnd"/>
    </w:p>
    <w:p w14:paraId="4948AF65" w14:textId="06680FD9" w:rsidR="31CA5B92" w:rsidRDefault="31CA5B92" w:rsidP="6BCA6D52">
      <w:r>
        <w:t xml:space="preserve">                 ff </w:t>
      </w:r>
      <w:proofErr w:type="spellStart"/>
      <w:r>
        <w:t>ff</w:t>
      </w:r>
      <w:proofErr w:type="spellEnd"/>
    </w:p>
    <w:p w14:paraId="70FDAA2F" w14:textId="4AED67B6" w:rsidR="31CA5B92" w:rsidRDefault="31CA5B92" w:rsidP="6BCA6D52">
      <w:r>
        <w:t xml:space="preserve">        00455f8e e8 57 2b        CALL       </w:t>
      </w:r>
      <w:proofErr w:type="spellStart"/>
      <w:r>
        <w:t>declareSparkPipe</w:t>
      </w:r>
      <w:proofErr w:type="spellEnd"/>
      <w:r>
        <w:t xml:space="preserve">                                 undefined </w:t>
      </w:r>
      <w:proofErr w:type="spellStart"/>
      <w:r>
        <w:t>declareSparkPipe</w:t>
      </w:r>
      <w:proofErr w:type="spellEnd"/>
      <w:r>
        <w:t>(void)</w:t>
      </w:r>
    </w:p>
    <w:p w14:paraId="31F2AF80" w14:textId="1BA8BB8E" w:rsidR="31CA5B92" w:rsidRDefault="31CA5B92" w:rsidP="6BCA6D52">
      <w:r>
        <w:t xml:space="preserve">                 ff </w:t>
      </w:r>
      <w:proofErr w:type="spellStart"/>
      <w:r>
        <w:t>ff</w:t>
      </w:r>
      <w:proofErr w:type="spellEnd"/>
    </w:p>
    <w:p w14:paraId="7907267A" w14:textId="1A720F4D" w:rsidR="31CA5B92" w:rsidRDefault="31CA5B92" w:rsidP="6BCA6D52">
      <w:r>
        <w:t xml:space="preserve">        00455f96 e8 1f 15        CALL       </w:t>
      </w:r>
      <w:proofErr w:type="spellStart"/>
      <w:r>
        <w:t>setupC&amp;C</w:t>
      </w:r>
      <w:proofErr w:type="spellEnd"/>
      <w:r>
        <w:t xml:space="preserve">                                         undefined </w:t>
      </w:r>
      <w:proofErr w:type="spellStart"/>
      <w:r>
        <w:t>setupC&amp;C</w:t>
      </w:r>
      <w:proofErr w:type="spellEnd"/>
      <w:r>
        <w:t>(void)</w:t>
      </w:r>
    </w:p>
    <w:p w14:paraId="0DB83A49" w14:textId="294CA98E" w:rsidR="31CA5B92" w:rsidRDefault="31CA5B92" w:rsidP="6BCA6D52">
      <w:r>
        <w:t xml:space="preserve">                 ff </w:t>
      </w:r>
      <w:proofErr w:type="spellStart"/>
      <w:r>
        <w:t>ff</w:t>
      </w:r>
      <w:proofErr w:type="spellEnd"/>
    </w:p>
    <w:p w14:paraId="0A2A9FFC" w14:textId="174A21BD" w:rsidR="31CA5B92" w:rsidRDefault="31CA5B92" w:rsidP="6BCA6D52">
      <w:r>
        <w:t xml:space="preserve">        00455f9e e8 10 17        CALL       </w:t>
      </w:r>
      <w:proofErr w:type="spellStart"/>
      <w:r>
        <w:t>persistenceThread</w:t>
      </w:r>
      <w:proofErr w:type="spellEnd"/>
      <w:r>
        <w:t xml:space="preserve">                                void </w:t>
      </w:r>
      <w:proofErr w:type="spellStart"/>
      <w:proofErr w:type="gramStart"/>
      <w:r>
        <w:t>persistenceThread</w:t>
      </w:r>
      <w:proofErr w:type="spellEnd"/>
      <w:r>
        <w:t>(</w:t>
      </w:r>
      <w:proofErr w:type="gramEnd"/>
      <w:r>
        <w:t xml:space="preserve">HANDLE * </w:t>
      </w:r>
    </w:p>
    <w:p w14:paraId="088AB1AC" w14:textId="74F27CD4" w:rsidR="31CA5B92" w:rsidRDefault="31CA5B92" w:rsidP="6BCA6D52">
      <w:r>
        <w:t xml:space="preserve">                 ff </w:t>
      </w:r>
      <w:proofErr w:type="spellStart"/>
      <w:r>
        <w:t>ff</w:t>
      </w:r>
      <w:proofErr w:type="spellEnd"/>
    </w:p>
    <w:p w14:paraId="0EF8CEB2" w14:textId="3BE0851A" w:rsidR="31CA5B92" w:rsidRDefault="31CA5B92" w:rsidP="6BCA6D52">
      <w:r>
        <w:t xml:space="preserve">        00455fa3 e8 29 12        CALL       </w:t>
      </w:r>
      <w:proofErr w:type="spellStart"/>
      <w:r>
        <w:t>installRootkit</w:t>
      </w:r>
      <w:proofErr w:type="spellEnd"/>
      <w:r>
        <w:t xml:space="preserve">                                   undefined </w:t>
      </w:r>
      <w:proofErr w:type="spellStart"/>
      <w:r>
        <w:t>installRootkit</w:t>
      </w:r>
      <w:proofErr w:type="spellEnd"/>
      <w:r>
        <w:t>(void)</w:t>
      </w:r>
    </w:p>
    <w:p w14:paraId="7A3B68F7" w14:textId="2EF86785" w:rsidR="31CA5B92" w:rsidRDefault="31CA5B92" w:rsidP="6BCA6D52">
      <w:r>
        <w:t xml:space="preserve">                 ff </w:t>
      </w:r>
      <w:proofErr w:type="spellStart"/>
      <w:r>
        <w:t>ff</w:t>
      </w:r>
      <w:proofErr w:type="spellEnd"/>
    </w:p>
    <w:p w14:paraId="1478F103" w14:textId="48ADC41B" w:rsidR="31CA5B92" w:rsidRDefault="31CA5B92" w:rsidP="6BCA6D52">
      <w:r>
        <w:t xml:space="preserve">        00455fa8 e8 20 2a        CALL       </w:t>
      </w:r>
      <w:proofErr w:type="spellStart"/>
      <w:r>
        <w:t>explorerPersistence</w:t>
      </w:r>
      <w:proofErr w:type="spellEnd"/>
      <w:r>
        <w:t xml:space="preserve">                              undefined </w:t>
      </w:r>
      <w:proofErr w:type="spellStart"/>
      <w:proofErr w:type="gramStart"/>
      <w:r>
        <w:t>explorerPersistence</w:t>
      </w:r>
      <w:proofErr w:type="spellEnd"/>
      <w:r>
        <w:t>(</w:t>
      </w:r>
      <w:proofErr w:type="spellStart"/>
      <w:proofErr w:type="gramEnd"/>
      <w:r>
        <w:t>vo</w:t>
      </w:r>
      <w:proofErr w:type="spellEnd"/>
    </w:p>
    <w:p w14:paraId="23A057F6" w14:textId="025BCA7D" w:rsidR="31CA5B92" w:rsidRDefault="31CA5B92" w:rsidP="6BCA6D52">
      <w:r>
        <w:lastRenderedPageBreak/>
        <w:t xml:space="preserve">                 ff </w:t>
      </w:r>
      <w:proofErr w:type="spellStart"/>
      <w:r>
        <w:t>ff</w:t>
      </w:r>
      <w:proofErr w:type="spellEnd"/>
    </w:p>
    <w:p w14:paraId="4EF6209D" w14:textId="176906DD" w:rsidR="31CA5B92" w:rsidRDefault="31CA5B92" w:rsidP="6BCA6D52">
      <w:r>
        <w:t xml:space="preserve">        00455fad e8 5f 13        CALL       </w:t>
      </w:r>
      <w:proofErr w:type="spellStart"/>
      <w:r>
        <w:t>C&amp;Ccommunication</w:t>
      </w:r>
      <w:proofErr w:type="spellEnd"/>
      <w:r>
        <w:t xml:space="preserve">                                 undefined </w:t>
      </w:r>
      <w:proofErr w:type="spellStart"/>
      <w:r>
        <w:t>C&amp;Ccommunication</w:t>
      </w:r>
      <w:proofErr w:type="spellEnd"/>
      <w:r>
        <w:t>(void)</w:t>
      </w:r>
    </w:p>
    <w:p w14:paraId="1F43D0FC" w14:textId="02EC05A4" w:rsidR="31CA5B92" w:rsidRDefault="31CA5B92" w:rsidP="6BCA6D52">
      <w:r>
        <w:t xml:space="preserve">                 ff </w:t>
      </w:r>
      <w:proofErr w:type="spellStart"/>
      <w:r>
        <w:t>ff</w:t>
      </w:r>
      <w:proofErr w:type="spellEnd"/>
    </w:p>
    <w:p w14:paraId="62A47C84" w14:textId="3EC30A4D" w:rsidR="31CA5B92" w:rsidRDefault="31CA5B92" w:rsidP="6BCA6D52">
      <w:r>
        <w:t xml:space="preserve">        00455fb2 e8 80 2e        CALL       </w:t>
      </w:r>
      <w:proofErr w:type="spellStart"/>
      <w:r>
        <w:t>mathAlgorithm</w:t>
      </w:r>
      <w:proofErr w:type="spellEnd"/>
      <w:r>
        <w:t xml:space="preserve">                                    undefined </w:t>
      </w:r>
      <w:proofErr w:type="spellStart"/>
      <w:r>
        <w:t>mathAlgorithm</w:t>
      </w:r>
      <w:proofErr w:type="spellEnd"/>
      <w:r>
        <w:t>(void)</w:t>
      </w:r>
    </w:p>
    <w:p w14:paraId="2AE3742C" w14:textId="0E485222" w:rsidR="31CA5B92" w:rsidRDefault="31CA5B92" w:rsidP="6BCA6D52">
      <w:r>
        <w:t xml:space="preserve">                 ff </w:t>
      </w:r>
      <w:proofErr w:type="spellStart"/>
      <w:r>
        <w:t>ff</w:t>
      </w:r>
      <w:proofErr w:type="spellEnd"/>
    </w:p>
    <w:p w14:paraId="3D8E8FED" w14:textId="33CF2913" w:rsidR="31CA5B92" w:rsidRDefault="31CA5B92" w:rsidP="6BCA6D52">
      <w:r>
        <w:t xml:space="preserve">        00455fb9 e8 </w:t>
      </w:r>
      <w:proofErr w:type="spellStart"/>
      <w:r>
        <w:t>ec</w:t>
      </w:r>
      <w:proofErr w:type="spellEnd"/>
      <w:r>
        <w:t xml:space="preserve"> 1a        CALL       thunk_FUN_0046b4b0                               undefined thunk_FUN_0046b4b0(</w:t>
      </w:r>
      <w:proofErr w:type="spellStart"/>
      <w:r>
        <w:t>voi</w:t>
      </w:r>
      <w:proofErr w:type="spellEnd"/>
    </w:p>
    <w:p w14:paraId="16B96F08" w14:textId="6FE327DF" w:rsidR="31CA5B92" w:rsidRDefault="31CA5B92" w:rsidP="6BCA6D52">
      <w:r>
        <w:t xml:space="preserve">                 ff </w:t>
      </w:r>
      <w:proofErr w:type="spellStart"/>
      <w:r>
        <w:t>ff</w:t>
      </w:r>
      <w:proofErr w:type="spellEnd"/>
    </w:p>
    <w:p w14:paraId="1A961B07" w14:textId="444A404F" w:rsidR="31CA5B92" w:rsidRDefault="31CA5B92" w:rsidP="6BCA6D52">
      <w:r>
        <w:t xml:space="preserve">        00455fcb e8 d9 25        CALL       __</w:t>
      </w:r>
      <w:proofErr w:type="spellStart"/>
      <w:r>
        <w:t>RTC_CheckEsp</w:t>
      </w:r>
      <w:proofErr w:type="spellEnd"/>
      <w:r>
        <w:t xml:space="preserve">                                   undefined __</w:t>
      </w:r>
      <w:proofErr w:type="spellStart"/>
      <w:r>
        <w:t>RTC_</w:t>
      </w:r>
      <w:proofErr w:type="gramStart"/>
      <w:r>
        <w:t>CheckEsp</w:t>
      </w:r>
      <w:proofErr w:type="spellEnd"/>
      <w:r>
        <w:t>(</w:t>
      </w:r>
      <w:proofErr w:type="gramEnd"/>
      <w:r>
        <w:t>)</w:t>
      </w:r>
    </w:p>
    <w:p w14:paraId="187515D6" w14:textId="454B7E34" w:rsidR="31CA5B92" w:rsidRDefault="31CA5B92" w:rsidP="6BCA6D52">
      <w:r>
        <w:t xml:space="preserve">                 ff </w:t>
      </w:r>
      <w:proofErr w:type="spellStart"/>
      <w:r>
        <w:t>ff</w:t>
      </w:r>
      <w:proofErr w:type="spellEnd"/>
    </w:p>
    <w:p w14:paraId="7971D9BD" w14:textId="1D137944" w:rsidR="31CA5B92" w:rsidRDefault="31CA5B92" w:rsidP="6BCA6D52">
      <w:r>
        <w:t xml:space="preserve">        00455fd3 c2 10 00        RET        0x10</w:t>
      </w:r>
    </w:p>
    <w:p w14:paraId="4997A403" w14:textId="12F24A5F" w:rsidR="6BCA6D52" w:rsidRDefault="6BCA6D52" w:rsidP="6BCA6D52"/>
    <w:p w14:paraId="51868B36" w14:textId="19938EF8" w:rsidR="33E02876" w:rsidRDefault="33E02876" w:rsidP="6BCA6D52">
      <w:r>
        <w:t xml:space="preserve">Decompile </w:t>
      </w:r>
      <w:r w:rsidR="6214BB33">
        <w:t xml:space="preserve">for </w:t>
      </w:r>
      <w:proofErr w:type="spellStart"/>
      <w:r w:rsidR="6214BB33">
        <w:t>WinMain</w:t>
      </w:r>
      <w:proofErr w:type="spellEnd"/>
      <w:r w:rsidR="226FAD43">
        <w:t>. Process of converting machine code or assembly language instructions into a high-level programming language representation</w:t>
      </w:r>
    </w:p>
    <w:p w14:paraId="2462E550" w14:textId="7B68C002" w:rsidR="447BB0CB" w:rsidRDefault="447BB0CB" w:rsidP="67C5D71E">
      <w:proofErr w:type="spellStart"/>
      <w:r>
        <w:t>Malware.c</w:t>
      </w:r>
      <w:proofErr w:type="spellEnd"/>
      <w:r>
        <w:t xml:space="preserve"> (after Exporting the current function to C in </w:t>
      </w:r>
      <w:proofErr w:type="spellStart"/>
      <w:r>
        <w:t>Ghidra</w:t>
      </w:r>
      <w:proofErr w:type="spellEnd"/>
      <w:r>
        <w:t>)</w:t>
      </w:r>
    </w:p>
    <w:p w14:paraId="48EED393" w14:textId="0F20D790" w:rsidR="33E02876" w:rsidRDefault="33E02876" w:rsidP="6BCA6D52">
      <w:r>
        <w:t xml:space="preserve">int </w:t>
      </w:r>
      <w:proofErr w:type="spellStart"/>
      <w:proofErr w:type="gramStart"/>
      <w:r>
        <w:t>WinMain</w:t>
      </w:r>
      <w:proofErr w:type="spellEnd"/>
      <w:r>
        <w:t>(</w:t>
      </w:r>
      <w:proofErr w:type="gramEnd"/>
      <w:r>
        <w:t xml:space="preserve">HINSTANCE </w:t>
      </w:r>
      <w:proofErr w:type="spellStart"/>
      <w:r>
        <w:t>hInstance,HINSTANCE</w:t>
      </w:r>
      <w:proofErr w:type="spellEnd"/>
      <w:r>
        <w:t xml:space="preserve"> </w:t>
      </w:r>
      <w:proofErr w:type="spellStart"/>
      <w:r>
        <w:t>hPrevInstance,LPSTR</w:t>
      </w:r>
      <w:proofErr w:type="spellEnd"/>
      <w:r>
        <w:t xml:space="preserve"> </w:t>
      </w:r>
      <w:proofErr w:type="spellStart"/>
      <w:r>
        <w:t>lpCmdLine,int</w:t>
      </w:r>
      <w:proofErr w:type="spellEnd"/>
      <w:r>
        <w:t xml:space="preserve"> </w:t>
      </w:r>
      <w:proofErr w:type="spellStart"/>
      <w:r>
        <w:t>nShowCmd</w:t>
      </w:r>
      <w:proofErr w:type="spellEnd"/>
      <w:r>
        <w:t>)</w:t>
      </w:r>
    </w:p>
    <w:p w14:paraId="34B7CC32" w14:textId="585A86DA" w:rsidR="33E02876" w:rsidRDefault="33E02876" w:rsidP="6BCA6D52">
      <w:r>
        <w:t xml:space="preserve"> </w:t>
      </w:r>
    </w:p>
    <w:p w14:paraId="1CCAA49B" w14:textId="14E44B7A" w:rsidR="33E02876" w:rsidRDefault="33E02876" w:rsidP="6BCA6D52">
      <w:r>
        <w:t>{</w:t>
      </w:r>
    </w:p>
    <w:p w14:paraId="134E3650" w14:textId="6207E138" w:rsidR="33E02876" w:rsidRDefault="33E02876" w:rsidP="6BCA6D52">
      <w:r>
        <w:t xml:space="preserve">  void *</w:t>
      </w:r>
      <w:proofErr w:type="gramStart"/>
      <w:r>
        <w:t>pvVar1;</w:t>
      </w:r>
      <w:proofErr w:type="gramEnd"/>
    </w:p>
    <w:p w14:paraId="0386AE6C" w14:textId="16E95E44" w:rsidR="33E02876" w:rsidRDefault="33E02876" w:rsidP="6BCA6D52">
      <w:r>
        <w:t xml:space="preserve">  int </w:t>
      </w:r>
      <w:proofErr w:type="gramStart"/>
      <w:r>
        <w:t>iVar2;</w:t>
      </w:r>
      <w:proofErr w:type="gramEnd"/>
    </w:p>
    <w:p w14:paraId="721913D0" w14:textId="5D0701F6" w:rsidR="33E02876" w:rsidRDefault="33E02876" w:rsidP="6BCA6D52">
      <w:r>
        <w:t xml:space="preserve">  undefined4 *</w:t>
      </w:r>
      <w:proofErr w:type="gramStart"/>
      <w:r>
        <w:t>puVar3;</w:t>
      </w:r>
      <w:proofErr w:type="gramEnd"/>
    </w:p>
    <w:p w14:paraId="46ACDE08" w14:textId="2BEB9E6A" w:rsidR="33E02876" w:rsidRDefault="33E02876" w:rsidP="6BCA6D52">
      <w:r>
        <w:t xml:space="preserve">  undefined4 </w:t>
      </w:r>
      <w:proofErr w:type="spellStart"/>
      <w:r>
        <w:t>local_dc</w:t>
      </w:r>
      <w:proofErr w:type="spellEnd"/>
      <w:r>
        <w:t xml:space="preserve"> [49</w:t>
      </w:r>
      <w:proofErr w:type="gramStart"/>
      <w:r>
        <w:t>];</w:t>
      </w:r>
      <w:proofErr w:type="gramEnd"/>
    </w:p>
    <w:p w14:paraId="3603BAAE" w14:textId="42D8FF38" w:rsidR="33E02876" w:rsidRDefault="33E02876" w:rsidP="6BCA6D52">
      <w:r>
        <w:t xml:space="preserve">  HANDLE *local_</w:t>
      </w:r>
      <w:proofErr w:type="gramStart"/>
      <w:r>
        <w:t>18;</w:t>
      </w:r>
      <w:proofErr w:type="gramEnd"/>
    </w:p>
    <w:p w14:paraId="63763237" w14:textId="31E539A0" w:rsidR="33E02876" w:rsidRDefault="33E02876" w:rsidP="6BCA6D52">
      <w:r>
        <w:t xml:space="preserve">  undefined4 </w:t>
      </w:r>
      <w:proofErr w:type="spellStart"/>
      <w:r>
        <w:t>local_</w:t>
      </w:r>
      <w:proofErr w:type="gramStart"/>
      <w:r>
        <w:t>c</w:t>
      </w:r>
      <w:proofErr w:type="spellEnd"/>
      <w:r>
        <w:t>;</w:t>
      </w:r>
      <w:proofErr w:type="gramEnd"/>
    </w:p>
    <w:p w14:paraId="2D998C94" w14:textId="352C10F9" w:rsidR="33E02876" w:rsidRDefault="33E02876" w:rsidP="6BCA6D52">
      <w:r>
        <w:lastRenderedPageBreak/>
        <w:t xml:space="preserve">  undefined4 uStack_</w:t>
      </w:r>
      <w:proofErr w:type="gramStart"/>
      <w:r>
        <w:t>8;</w:t>
      </w:r>
      <w:proofErr w:type="gramEnd"/>
    </w:p>
    <w:p w14:paraId="14CE6CAD" w14:textId="34151C64" w:rsidR="33E02876" w:rsidRDefault="33E02876" w:rsidP="6BCA6D52">
      <w:r>
        <w:t xml:space="preserve">  </w:t>
      </w:r>
    </w:p>
    <w:p w14:paraId="7E47B9E7" w14:textId="17416F0C" w:rsidR="33E02876" w:rsidRDefault="33E02876" w:rsidP="6BCA6D52">
      <w:r>
        <w:t xml:space="preserve">  puVar3 = </w:t>
      </w:r>
      <w:proofErr w:type="spellStart"/>
      <w:r>
        <w:t>local_</w:t>
      </w:r>
      <w:proofErr w:type="gramStart"/>
      <w:r>
        <w:t>dc</w:t>
      </w:r>
      <w:proofErr w:type="spellEnd"/>
      <w:r>
        <w:t>;</w:t>
      </w:r>
      <w:proofErr w:type="gramEnd"/>
    </w:p>
    <w:p w14:paraId="1A83B167" w14:textId="56C24319" w:rsidR="33E02876" w:rsidRDefault="33E02876" w:rsidP="6BCA6D52">
      <w:r>
        <w:t xml:space="preserve">  for (iVar2 = 0x36; iVar</w:t>
      </w:r>
      <w:proofErr w:type="gramStart"/>
      <w:r>
        <w:t>2 !</w:t>
      </w:r>
      <w:proofErr w:type="gramEnd"/>
      <w:r>
        <w:t>= 0; iVar2 = iVar2 + -1) {</w:t>
      </w:r>
    </w:p>
    <w:p w14:paraId="0FA5CE0A" w14:textId="415C6D26" w:rsidR="33E02876" w:rsidRDefault="33E02876" w:rsidP="6BCA6D52">
      <w:r>
        <w:t xml:space="preserve">    *puVar3 = </w:t>
      </w:r>
      <w:proofErr w:type="gramStart"/>
      <w:r>
        <w:t>0xcccccccc;</w:t>
      </w:r>
      <w:proofErr w:type="gramEnd"/>
    </w:p>
    <w:p w14:paraId="3A0BD021" w14:textId="25AA1BE6" w:rsidR="33E02876" w:rsidRDefault="33E02876" w:rsidP="6BCA6D52">
      <w:r>
        <w:t xml:space="preserve">    puVar3 = puVar3 + </w:t>
      </w:r>
      <w:proofErr w:type="gramStart"/>
      <w:r>
        <w:t>1;</w:t>
      </w:r>
      <w:proofErr w:type="gramEnd"/>
    </w:p>
    <w:p w14:paraId="3CBD74DC" w14:textId="555089C7" w:rsidR="33E02876" w:rsidRDefault="33E02876" w:rsidP="6BCA6D52">
      <w:r>
        <w:t xml:space="preserve">  }</w:t>
      </w:r>
    </w:p>
    <w:p w14:paraId="31499362" w14:textId="16EF438A" w:rsidR="33E02876" w:rsidRDefault="33E02876" w:rsidP="6BCA6D52">
      <w:r>
        <w:t xml:space="preserve">  </w:t>
      </w:r>
      <w:proofErr w:type="spellStart"/>
      <w:r>
        <w:t>local_c</w:t>
      </w:r>
      <w:proofErr w:type="spellEnd"/>
      <w:r>
        <w:t xml:space="preserve"> = </w:t>
      </w:r>
      <w:proofErr w:type="spellStart"/>
      <w:proofErr w:type="gramStart"/>
      <w:r>
        <w:t>intantiateAndPersistToAppData</w:t>
      </w:r>
      <w:proofErr w:type="spellEnd"/>
      <w:r>
        <w:t>(</w:t>
      </w:r>
      <w:proofErr w:type="gramEnd"/>
      <w:r>
        <w:t>);</w:t>
      </w:r>
    </w:p>
    <w:p w14:paraId="366CDE4E" w14:textId="6D8B215D" w:rsidR="33E02876" w:rsidRDefault="33E02876" w:rsidP="6BCA6D52">
      <w:r>
        <w:t xml:space="preserve">  </w:t>
      </w:r>
      <w:proofErr w:type="spellStart"/>
      <w:proofErr w:type="gramStart"/>
      <w:r>
        <w:t>cleanPreviousInfections</w:t>
      </w:r>
      <w:proofErr w:type="spellEnd"/>
      <w:r>
        <w:t>(</w:t>
      </w:r>
      <w:proofErr w:type="gramEnd"/>
      <w:r>
        <w:t>);</w:t>
      </w:r>
    </w:p>
    <w:p w14:paraId="3CBEA358" w14:textId="443EF196" w:rsidR="33E02876" w:rsidRDefault="33E02876" w:rsidP="6BCA6D52">
      <w:r>
        <w:t xml:space="preserve">  local_18 = (HANDLE </w:t>
      </w:r>
      <w:proofErr w:type="gramStart"/>
      <w:r>
        <w:t>*)</w:t>
      </w:r>
      <w:proofErr w:type="spellStart"/>
      <w:r>
        <w:t>declareSparkPipe</w:t>
      </w:r>
      <w:proofErr w:type="spellEnd"/>
      <w:proofErr w:type="gramEnd"/>
      <w:r>
        <w:t>();</w:t>
      </w:r>
    </w:p>
    <w:p w14:paraId="163A4D66" w14:textId="7FB7FF46" w:rsidR="33E02876" w:rsidRDefault="33E02876" w:rsidP="6BCA6D52">
      <w:r>
        <w:t xml:space="preserve">  </w:t>
      </w:r>
      <w:proofErr w:type="spellStart"/>
      <w:r>
        <w:t>setupC&amp;</w:t>
      </w:r>
      <w:proofErr w:type="gramStart"/>
      <w:r>
        <w:t>C</w:t>
      </w:r>
      <w:proofErr w:type="spellEnd"/>
      <w:r>
        <w:t>(</w:t>
      </w:r>
      <w:proofErr w:type="gramEnd"/>
      <w:r>
        <w:t>);</w:t>
      </w:r>
    </w:p>
    <w:p w14:paraId="3AEB392F" w14:textId="77D569C8" w:rsidR="33E02876" w:rsidRDefault="33E02876" w:rsidP="6BCA6D52">
      <w:r>
        <w:t xml:space="preserve">  </w:t>
      </w:r>
      <w:proofErr w:type="spellStart"/>
      <w:r>
        <w:t>persistenceThread</w:t>
      </w:r>
      <w:proofErr w:type="spellEnd"/>
      <w:r>
        <w:t>(local_18</w:t>
      </w:r>
      <w:proofErr w:type="gramStart"/>
      <w:r>
        <w:t>);</w:t>
      </w:r>
      <w:proofErr w:type="gramEnd"/>
    </w:p>
    <w:p w14:paraId="080494C0" w14:textId="4951E067" w:rsidR="33E02876" w:rsidRDefault="33E02876" w:rsidP="6BCA6D52">
      <w:r>
        <w:t xml:space="preserve">  </w:t>
      </w:r>
      <w:proofErr w:type="spellStart"/>
      <w:proofErr w:type="gramStart"/>
      <w:r>
        <w:t>installRootkit</w:t>
      </w:r>
      <w:proofErr w:type="spellEnd"/>
      <w:r>
        <w:t>(</w:t>
      </w:r>
      <w:proofErr w:type="gramEnd"/>
      <w:r>
        <w:t>);</w:t>
      </w:r>
    </w:p>
    <w:p w14:paraId="3BF5B1F3" w14:textId="2D9AE847" w:rsidR="33E02876" w:rsidRDefault="33E02876" w:rsidP="6BCA6D52">
      <w:r>
        <w:t xml:space="preserve">  </w:t>
      </w:r>
      <w:proofErr w:type="spellStart"/>
      <w:proofErr w:type="gramStart"/>
      <w:r>
        <w:t>explorerPersistence</w:t>
      </w:r>
      <w:proofErr w:type="spellEnd"/>
      <w:r>
        <w:t>(</w:t>
      </w:r>
      <w:proofErr w:type="gramEnd"/>
      <w:r>
        <w:t>);</w:t>
      </w:r>
    </w:p>
    <w:p w14:paraId="4F474A55" w14:textId="70A33583" w:rsidR="33E02876" w:rsidRDefault="33E02876" w:rsidP="6BCA6D52">
      <w:r>
        <w:t xml:space="preserve">  </w:t>
      </w:r>
      <w:proofErr w:type="spellStart"/>
      <w:r>
        <w:t>C&amp;</w:t>
      </w:r>
      <w:proofErr w:type="gramStart"/>
      <w:r>
        <w:t>Ccommunication</w:t>
      </w:r>
      <w:proofErr w:type="spellEnd"/>
      <w:r>
        <w:t>(</w:t>
      </w:r>
      <w:proofErr w:type="gramEnd"/>
      <w:r>
        <w:t>);</w:t>
      </w:r>
    </w:p>
    <w:p w14:paraId="39714207" w14:textId="10857408" w:rsidR="33E02876" w:rsidRDefault="33E02876" w:rsidP="6BCA6D52">
      <w:r>
        <w:t xml:space="preserve">  pvVar1 = (void </w:t>
      </w:r>
      <w:proofErr w:type="gramStart"/>
      <w:r>
        <w:t>*)</w:t>
      </w:r>
      <w:proofErr w:type="spellStart"/>
      <w:r>
        <w:t>mathAlgorithm</w:t>
      </w:r>
      <w:proofErr w:type="spellEnd"/>
      <w:proofErr w:type="gramEnd"/>
      <w:r>
        <w:t>();</w:t>
      </w:r>
    </w:p>
    <w:p w14:paraId="48CB5766" w14:textId="197AF300" w:rsidR="33E02876" w:rsidRDefault="33E02876" w:rsidP="6BCA6D52">
      <w:r>
        <w:t xml:space="preserve">  thunk_FUN_0046b4b0(pvVar1</w:t>
      </w:r>
      <w:proofErr w:type="gramStart"/>
      <w:r>
        <w:t>);</w:t>
      </w:r>
      <w:proofErr w:type="gramEnd"/>
    </w:p>
    <w:p w14:paraId="577EF129" w14:textId="4C7E96DF" w:rsidR="33E02876" w:rsidRDefault="33E02876" w:rsidP="6BCA6D52">
      <w:r>
        <w:t xml:space="preserve">  uStack_8 = </w:t>
      </w:r>
      <w:proofErr w:type="gramStart"/>
      <w:r>
        <w:t>0x455fd0;</w:t>
      </w:r>
      <w:proofErr w:type="gramEnd"/>
    </w:p>
    <w:p w14:paraId="14B13990" w14:textId="0C952995" w:rsidR="33E02876" w:rsidRDefault="33E02876" w:rsidP="6BCA6D52">
      <w:r>
        <w:t xml:space="preserve">  iVar2 = __</w:t>
      </w:r>
      <w:proofErr w:type="spellStart"/>
      <w:r>
        <w:t>RTC_</w:t>
      </w:r>
      <w:proofErr w:type="gramStart"/>
      <w:r>
        <w:t>CheckEsp</w:t>
      </w:r>
      <w:proofErr w:type="spellEnd"/>
      <w:r>
        <w:t>(</w:t>
      </w:r>
      <w:proofErr w:type="gramEnd"/>
      <w:r>
        <w:t>);</w:t>
      </w:r>
    </w:p>
    <w:p w14:paraId="427DA401" w14:textId="2D4F64A4" w:rsidR="33E02876" w:rsidRDefault="33E02876" w:rsidP="6BCA6D52">
      <w:r>
        <w:t xml:space="preserve">  return </w:t>
      </w:r>
      <w:proofErr w:type="gramStart"/>
      <w:r>
        <w:t>iVar2;</w:t>
      </w:r>
      <w:proofErr w:type="gramEnd"/>
    </w:p>
    <w:p w14:paraId="4764E9B8" w14:textId="063A97CD" w:rsidR="33E02876" w:rsidRDefault="33E02876" w:rsidP="6BCA6D52">
      <w:r>
        <w:t>}</w:t>
      </w:r>
    </w:p>
    <w:p w14:paraId="4AFA477E" w14:textId="01430C26" w:rsidR="6BCA6D52" w:rsidRDefault="4A93135A" w:rsidP="6BCA6D52">
      <w:r>
        <w:t xml:space="preserve">As </w:t>
      </w:r>
      <w:r w:rsidR="4CC72D5A">
        <w:t>stated</w:t>
      </w:r>
      <w:r>
        <w:t xml:space="preserve"> earlier, this part of the code seems to be the main issue for this executable file.  Since we see the </w:t>
      </w:r>
      <w:r w:rsidR="11A2C47C">
        <w:t>introduction of a rootkit</w:t>
      </w:r>
      <w:r w:rsidR="1E6FF144">
        <w:t>, where a potential</w:t>
      </w:r>
      <w:r w:rsidR="11A2C47C">
        <w:t xml:space="preserve"> hacker </w:t>
      </w:r>
      <w:r w:rsidR="62DE5BD9">
        <w:t>uses</w:t>
      </w:r>
      <w:r w:rsidR="11A2C47C">
        <w:t xml:space="preserve"> gain root-level access</w:t>
      </w:r>
      <w:r w:rsidR="3A179C50">
        <w:t>. Where we see a set of programs installed for admin access in our case, malicious and stealthy changes can happen to the host O/S.</w:t>
      </w:r>
    </w:p>
    <w:p w14:paraId="62E8809A" w14:textId="39167AF8" w:rsidR="67C5D71E" w:rsidRDefault="67C5D71E" w:rsidP="67C5D71E"/>
    <w:p w14:paraId="0B1CCBAA" w14:textId="196BF915" w:rsidR="67C5D71E" w:rsidRDefault="67C5D71E" w:rsidP="67C5D71E"/>
    <w:p w14:paraId="566CA6C0" w14:textId="2EE51207" w:rsidR="67C5D71E" w:rsidRDefault="67C5D71E" w:rsidP="67C5D71E"/>
    <w:p w14:paraId="08FB75EB" w14:textId="5FE9E2B1" w:rsidR="3A67BE8D" w:rsidRDefault="3A67BE8D" w:rsidP="6BCA6D52">
      <w:proofErr w:type="spellStart"/>
      <w:r>
        <w:t>Ghidra</w:t>
      </w:r>
      <w:proofErr w:type="spellEnd"/>
      <w:r>
        <w:t xml:space="preserve"> Plugins</w:t>
      </w:r>
      <w:r w:rsidR="6888FC5F">
        <w:t xml:space="preserve"> </w:t>
      </w:r>
    </w:p>
    <w:p w14:paraId="0A9EEAA5" w14:textId="66C9D3A2" w:rsidR="6888FC5F" w:rsidRDefault="6888FC5F" w:rsidP="67C5D71E">
      <w:r>
        <w:t xml:space="preserve">Note: Many of these plugins are not supported </w:t>
      </w:r>
      <w:proofErr w:type="gramStart"/>
      <w:r>
        <w:t>for</w:t>
      </w:r>
      <w:proofErr w:type="gramEnd"/>
      <w:r>
        <w:t xml:space="preserve"> the newer versions of </w:t>
      </w:r>
      <w:proofErr w:type="spellStart"/>
      <w:r>
        <w:t>Ghidra</w:t>
      </w:r>
      <w:proofErr w:type="spellEnd"/>
      <w:r>
        <w:t xml:space="preserve"> and require much older versions to run successfully. Below are some unique plugins we found.</w:t>
      </w:r>
    </w:p>
    <w:p w14:paraId="59AD3772" w14:textId="7A034E1F" w:rsidR="3A67BE8D" w:rsidRDefault="3A67BE8D" w:rsidP="6BCA6D52">
      <w:proofErr w:type="spellStart"/>
      <w:r>
        <w:t>GhidraChatGPT</w:t>
      </w:r>
      <w:proofErr w:type="spellEnd"/>
      <w:r w:rsidR="042E31AF">
        <w:t xml:space="preserve"> </w:t>
      </w:r>
    </w:p>
    <w:p w14:paraId="0C6EEEE0" w14:textId="439181CA" w:rsidR="3A67BE8D" w:rsidRDefault="3A67BE8D" w:rsidP="6BCA6D52">
      <w:r>
        <w:t xml:space="preserve">Plugin that brings the power of ChatGPT to </w:t>
      </w:r>
      <w:proofErr w:type="spellStart"/>
      <w:r>
        <w:t>Ghidra</w:t>
      </w:r>
      <w:proofErr w:type="spellEnd"/>
    </w:p>
    <w:p w14:paraId="0C04739C" w14:textId="1D9DC0DD" w:rsidR="5A721160" w:rsidRDefault="5A721160" w:rsidP="6BCA6D52">
      <w:r>
        <w:t xml:space="preserve">Note: </w:t>
      </w:r>
      <w:r w:rsidR="2B441181">
        <w:t xml:space="preserve">Only currently supports </w:t>
      </w:r>
      <w:proofErr w:type="spellStart"/>
      <w:r w:rsidR="2B04D794">
        <w:t>G</w:t>
      </w:r>
      <w:r w:rsidR="2B441181">
        <w:t>hidra</w:t>
      </w:r>
      <w:proofErr w:type="spellEnd"/>
      <w:r w:rsidR="7C129993">
        <w:t xml:space="preserve"> version 10.3.3</w:t>
      </w:r>
    </w:p>
    <w:p w14:paraId="36574D65" w14:textId="60562A97" w:rsidR="3A67BE8D" w:rsidRDefault="3A67BE8D" w:rsidP="6BCA6D52">
      <w:r>
        <w:t>Example from Source:</w:t>
      </w:r>
      <w:r>
        <w:rPr>
          <w:noProof/>
        </w:rPr>
        <w:drawing>
          <wp:inline distT="0" distB="0" distL="0" distR="0" wp14:anchorId="6D6E3738" wp14:editId="1404ECE4">
            <wp:extent cx="5943600" cy="5200650"/>
            <wp:effectExtent l="0" t="0" r="0" b="0"/>
            <wp:docPr id="602709457" name="Picture 6027094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52006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 xml:space="preserve"> </w:t>
      </w:r>
    </w:p>
    <w:p w14:paraId="670EF940" w14:textId="15E96DEB" w:rsidR="3CF0B29E" w:rsidRDefault="3CF0B29E" w:rsidP="6BCA6D52">
      <w:r>
        <w:t>Instructions</w:t>
      </w:r>
      <w:r w:rsidR="57F91252">
        <w:t xml:space="preserve"> to Install</w:t>
      </w:r>
      <w:r>
        <w:t>:</w:t>
      </w:r>
    </w:p>
    <w:p w14:paraId="4F1E86FE" w14:textId="7D89125C" w:rsidR="3CF0B29E" w:rsidRDefault="3CF0B29E" w:rsidP="6BCA6D52">
      <w:pPr>
        <w:pStyle w:val="ListParagraph"/>
        <w:numPr>
          <w:ilvl w:val="0"/>
          <w:numId w:val="7"/>
        </w:numPr>
      </w:pPr>
      <w:r>
        <w:t xml:space="preserve">Download </w:t>
      </w:r>
      <w:proofErr w:type="gramStart"/>
      <w:r>
        <w:t>latest</w:t>
      </w:r>
      <w:proofErr w:type="gramEnd"/>
      <w:r>
        <w:t xml:space="preserve"> release from the repository, and must match your </w:t>
      </w:r>
      <w:proofErr w:type="spellStart"/>
      <w:r>
        <w:t>Ghidra</w:t>
      </w:r>
      <w:proofErr w:type="spellEnd"/>
      <w:r>
        <w:t xml:space="preserve"> version</w:t>
      </w:r>
    </w:p>
    <w:p w14:paraId="06E794D7" w14:textId="41341EF2" w:rsidR="3CF0B29E" w:rsidRDefault="3CF0B29E" w:rsidP="6BCA6D52">
      <w:pPr>
        <w:pStyle w:val="ListParagraph"/>
        <w:numPr>
          <w:ilvl w:val="0"/>
          <w:numId w:val="7"/>
        </w:numPr>
      </w:pPr>
      <w:r>
        <w:lastRenderedPageBreak/>
        <w:t>Copy/Move the archive to the GHIDRA_INSTALL_DIR/Extensions/</w:t>
      </w:r>
      <w:proofErr w:type="spellStart"/>
      <w:r>
        <w:t>Ghidra</w:t>
      </w:r>
      <w:proofErr w:type="spellEnd"/>
      <w:r>
        <w:t xml:space="preserve"> directory</w:t>
      </w:r>
    </w:p>
    <w:p w14:paraId="1E3680B2" w14:textId="7FDE8378" w:rsidR="3CF0B29E" w:rsidRDefault="3CF0B29E" w:rsidP="6BCA6D52">
      <w:pPr>
        <w:pStyle w:val="ListParagraph"/>
        <w:numPr>
          <w:ilvl w:val="0"/>
          <w:numId w:val="7"/>
        </w:numPr>
      </w:pPr>
      <w:r>
        <w:t xml:space="preserve">Project window of </w:t>
      </w:r>
      <w:proofErr w:type="spellStart"/>
      <w:r>
        <w:t>Ghidra</w:t>
      </w:r>
      <w:proofErr w:type="spellEnd"/>
      <w:r>
        <w:t xml:space="preserve">: File – Install Extension – Enable the </w:t>
      </w:r>
      <w:proofErr w:type="spellStart"/>
      <w:r>
        <w:t>GhidraChatGPT</w:t>
      </w:r>
      <w:proofErr w:type="spellEnd"/>
      <w:r>
        <w:t xml:space="preserve"> extension</w:t>
      </w:r>
    </w:p>
    <w:p w14:paraId="334FB8F2" w14:textId="225286F8" w:rsidR="3CF0B29E" w:rsidRDefault="3CF0B29E" w:rsidP="6BCA6D52">
      <w:pPr>
        <w:pStyle w:val="ListParagraph"/>
        <w:numPr>
          <w:ilvl w:val="0"/>
          <w:numId w:val="7"/>
        </w:numPr>
      </w:pPr>
      <w:r>
        <w:t xml:space="preserve">Restart </w:t>
      </w:r>
      <w:proofErr w:type="spellStart"/>
      <w:r>
        <w:t>Ghidra</w:t>
      </w:r>
      <w:proofErr w:type="spellEnd"/>
      <w:r>
        <w:t xml:space="preserve"> </w:t>
      </w:r>
    </w:p>
    <w:p w14:paraId="45DA620A" w14:textId="20E78F7A" w:rsidR="3CF0B29E" w:rsidRDefault="3CF0B29E" w:rsidP="6BCA6D52">
      <w:pPr>
        <w:pStyle w:val="ListParagraph"/>
        <w:numPr>
          <w:ilvl w:val="0"/>
          <w:numId w:val="7"/>
        </w:numPr>
      </w:pPr>
      <w:proofErr w:type="spellStart"/>
      <w:r>
        <w:t>CodeBrowser</w:t>
      </w:r>
      <w:proofErr w:type="spellEnd"/>
      <w:r>
        <w:t xml:space="preserve"> window of </w:t>
      </w:r>
      <w:proofErr w:type="spellStart"/>
      <w:r>
        <w:t>Ghidra</w:t>
      </w:r>
      <w:proofErr w:type="spellEnd"/>
      <w:r>
        <w:t xml:space="preserve">: File – Configure – Plugin icon in the top right – Enable the </w:t>
      </w:r>
      <w:proofErr w:type="spellStart"/>
      <w:r>
        <w:t>GhidraChatGPT</w:t>
      </w:r>
      <w:proofErr w:type="spellEnd"/>
      <w:r>
        <w:t xml:space="preserve"> plugin</w:t>
      </w:r>
    </w:p>
    <w:p w14:paraId="705CD01D" w14:textId="7EE7969D" w:rsidR="67C5D71E" w:rsidRDefault="67C5D71E" w:rsidP="67C5D71E"/>
    <w:p w14:paraId="4FE71F37" w14:textId="49733BA1" w:rsidR="67C5D71E" w:rsidRDefault="67C5D71E" w:rsidP="67C5D71E"/>
    <w:p w14:paraId="2AF62413" w14:textId="6714C1A6" w:rsidR="3CF0B29E" w:rsidRDefault="3CF0B29E" w:rsidP="6BCA6D52">
      <w:r>
        <w:t>Build</w:t>
      </w:r>
    </w:p>
    <w:p w14:paraId="650FA084" w14:textId="02BF1AC0" w:rsidR="3CF0B29E" w:rsidRDefault="3CF0B29E" w:rsidP="6BCA6D52">
      <w:r>
        <w:t xml:space="preserve">Plugin can be built with or without docker. Varies on </w:t>
      </w:r>
      <w:proofErr w:type="gramStart"/>
      <w:r>
        <w:t>method</w:t>
      </w:r>
      <w:proofErr w:type="gramEnd"/>
      <w:r>
        <w:t xml:space="preserve"> done </w:t>
      </w:r>
      <w:r w:rsidR="1CB91E3F">
        <w:t>to resolve the dependencies</w:t>
      </w:r>
    </w:p>
    <w:p w14:paraId="06DAB43E" w14:textId="18E43D8F" w:rsidR="3CF0B29E" w:rsidRDefault="3CF0B29E" w:rsidP="6BCA6D52">
      <w:pPr>
        <w:pStyle w:val="ListParagraph"/>
        <w:numPr>
          <w:ilvl w:val="0"/>
          <w:numId w:val="6"/>
        </w:numPr>
      </w:pPr>
      <w:r>
        <w:t xml:space="preserve">Clone repository </w:t>
      </w:r>
    </w:p>
    <w:p w14:paraId="791B64A3" w14:textId="7FB10D9C" w:rsidR="3CF0B29E" w:rsidRDefault="3CF0B29E" w:rsidP="6BCA6D52">
      <w:pPr>
        <w:pStyle w:val="ListParagraph"/>
        <w:numPr>
          <w:ilvl w:val="0"/>
          <w:numId w:val="6"/>
        </w:numPr>
      </w:pPr>
      <w:r>
        <w:t>Build using docker: ./build.sh -p YOUR_GHIDRA_INSTALL_DIR -d or without: ./build.sh -p YOUR_GHIDRA_INSTALL_DIR</w:t>
      </w:r>
    </w:p>
    <w:p w14:paraId="6DF93125" w14:textId="29B672F0" w:rsidR="3CF0B29E" w:rsidRDefault="3CF0B29E" w:rsidP="6BCA6D52">
      <w:pPr>
        <w:pStyle w:val="ListParagraph"/>
        <w:numPr>
          <w:ilvl w:val="0"/>
          <w:numId w:val="6"/>
        </w:numPr>
      </w:pPr>
      <w:r>
        <w:t xml:space="preserve">Project window of </w:t>
      </w:r>
      <w:proofErr w:type="spellStart"/>
      <w:r>
        <w:t>Ghidra</w:t>
      </w:r>
      <w:proofErr w:type="spellEnd"/>
      <w:r>
        <w:t xml:space="preserve">: File – Configure – Plug icon in the top right – Enable the </w:t>
      </w:r>
      <w:proofErr w:type="spellStart"/>
      <w:r>
        <w:t>GhidraChatGPT</w:t>
      </w:r>
      <w:proofErr w:type="spellEnd"/>
      <w:r>
        <w:t xml:space="preserve"> plugin</w:t>
      </w:r>
    </w:p>
    <w:p w14:paraId="77C08B01" w14:textId="02674913" w:rsidR="3A67BE8D" w:rsidRDefault="3A67BE8D" w:rsidP="6BCA6D52">
      <w:pPr>
        <w:rPr>
          <w:rFonts w:ascii="Aptos" w:eastAsia="Aptos" w:hAnsi="Aptos" w:cs="Aptos"/>
        </w:rPr>
      </w:pPr>
      <w:r w:rsidRPr="6BCA6D52">
        <w:rPr>
          <w:b/>
          <w:bCs/>
        </w:rPr>
        <w:t xml:space="preserve">Source: </w:t>
      </w:r>
      <w:hyperlink r:id="rId37">
        <w:r w:rsidRPr="6BCA6D52">
          <w:rPr>
            <w:rStyle w:val="Hyperlink"/>
            <w:rFonts w:ascii="Aptos" w:eastAsia="Aptos" w:hAnsi="Aptos" w:cs="Aptos"/>
          </w:rPr>
          <w:t xml:space="preserve">GitHub - </w:t>
        </w:r>
        <w:proofErr w:type="spellStart"/>
        <w:r w:rsidRPr="6BCA6D52">
          <w:rPr>
            <w:rStyle w:val="Hyperlink"/>
            <w:rFonts w:ascii="Aptos" w:eastAsia="Aptos" w:hAnsi="Aptos" w:cs="Aptos"/>
          </w:rPr>
          <w:t>likvidera</w:t>
        </w:r>
        <w:proofErr w:type="spellEnd"/>
        <w:r w:rsidRPr="6BCA6D52">
          <w:rPr>
            <w:rStyle w:val="Hyperlink"/>
            <w:rFonts w:ascii="Aptos" w:eastAsia="Aptos" w:hAnsi="Aptos" w:cs="Aptos"/>
          </w:rPr>
          <w:t>/</w:t>
        </w:r>
        <w:proofErr w:type="spellStart"/>
        <w:r w:rsidRPr="6BCA6D52">
          <w:rPr>
            <w:rStyle w:val="Hyperlink"/>
            <w:rFonts w:ascii="Aptos" w:eastAsia="Aptos" w:hAnsi="Aptos" w:cs="Aptos"/>
          </w:rPr>
          <w:t>GhidraChatGPT</w:t>
        </w:r>
        <w:proofErr w:type="spellEnd"/>
        <w:r w:rsidRPr="6BCA6D52">
          <w:rPr>
            <w:rStyle w:val="Hyperlink"/>
            <w:rFonts w:ascii="Aptos" w:eastAsia="Aptos" w:hAnsi="Aptos" w:cs="Aptos"/>
          </w:rPr>
          <w:t xml:space="preserve">: Brings the power of ChatGPT to </w:t>
        </w:r>
        <w:proofErr w:type="spellStart"/>
        <w:r w:rsidRPr="6BCA6D52">
          <w:rPr>
            <w:rStyle w:val="Hyperlink"/>
            <w:rFonts w:ascii="Aptos" w:eastAsia="Aptos" w:hAnsi="Aptos" w:cs="Aptos"/>
          </w:rPr>
          <w:t>Ghidra</w:t>
        </w:r>
        <w:proofErr w:type="spellEnd"/>
        <w:r w:rsidRPr="6BCA6D52">
          <w:rPr>
            <w:rStyle w:val="Hyperlink"/>
            <w:rFonts w:ascii="Aptos" w:eastAsia="Aptos" w:hAnsi="Aptos" w:cs="Aptos"/>
          </w:rPr>
          <w:t>!</w:t>
        </w:r>
      </w:hyperlink>
    </w:p>
    <w:p w14:paraId="7AFEBBE0" w14:textId="0C6EFB1C" w:rsidR="6BCA6D52" w:rsidRDefault="6BCA6D52" w:rsidP="6BCA6D52">
      <w:pPr>
        <w:rPr>
          <w:rFonts w:ascii="Aptos" w:eastAsia="Aptos" w:hAnsi="Aptos" w:cs="Aptos"/>
        </w:rPr>
      </w:pPr>
    </w:p>
    <w:p w14:paraId="6810A131" w14:textId="157ACA68" w:rsidR="765F32C6" w:rsidRDefault="765F32C6" w:rsidP="67C5D71E">
      <w:pPr>
        <w:rPr>
          <w:rFonts w:ascii="Aptos" w:eastAsia="Aptos" w:hAnsi="Aptos" w:cs="Aptos"/>
        </w:rPr>
      </w:pPr>
      <w:proofErr w:type="spellStart"/>
      <w:r w:rsidRPr="67C5D71E">
        <w:rPr>
          <w:rFonts w:ascii="Aptos" w:eastAsia="Aptos" w:hAnsi="Aptos" w:cs="Aptos"/>
        </w:rPr>
        <w:t>GhidraQuark</w:t>
      </w:r>
      <w:proofErr w:type="spellEnd"/>
      <w:r w:rsidRPr="67C5D71E">
        <w:rPr>
          <w:rFonts w:ascii="Aptos" w:eastAsia="Aptos" w:hAnsi="Aptos" w:cs="Aptos"/>
        </w:rPr>
        <w:t xml:space="preserve"> </w:t>
      </w:r>
    </w:p>
    <w:p w14:paraId="0478640C" w14:textId="6060F526" w:rsidR="0AC3C588" w:rsidRDefault="0AC3C588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 xml:space="preserve">Another </w:t>
      </w:r>
      <w:proofErr w:type="spellStart"/>
      <w:r w:rsidRPr="67C5D71E">
        <w:rPr>
          <w:rFonts w:ascii="Aptos" w:eastAsia="Aptos" w:hAnsi="Aptos" w:cs="Aptos"/>
        </w:rPr>
        <w:t>Ghidra</w:t>
      </w:r>
      <w:proofErr w:type="spellEnd"/>
      <w:r w:rsidRPr="67C5D71E">
        <w:rPr>
          <w:rFonts w:ascii="Aptos" w:eastAsia="Aptos" w:hAnsi="Aptos" w:cs="Aptos"/>
        </w:rPr>
        <w:t xml:space="preserve"> plug-in that gives a powerful overview for Android Apps</w:t>
      </w:r>
    </w:p>
    <w:p w14:paraId="669C74AF" w14:textId="44FA3D25" w:rsidR="0F05409A" w:rsidRDefault="0F05409A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>Requirements:</w:t>
      </w:r>
    </w:p>
    <w:p w14:paraId="7C99F3F7" w14:textId="0FA63F2D" w:rsidR="620EB88C" w:rsidRDefault="620EB88C" w:rsidP="67C5D71E">
      <w:pPr>
        <w:pStyle w:val="ListParagraph"/>
        <w:numPr>
          <w:ilvl w:val="0"/>
          <w:numId w:val="2"/>
        </w:numPr>
      </w:pPr>
      <w:r>
        <w:t xml:space="preserve">Note: Only supports </w:t>
      </w:r>
      <w:proofErr w:type="spellStart"/>
      <w:r>
        <w:t>Ghidra</w:t>
      </w:r>
      <w:proofErr w:type="spellEnd"/>
      <w:r>
        <w:t xml:space="preserve"> version 9.2.2</w:t>
      </w:r>
    </w:p>
    <w:p w14:paraId="4C505AAA" w14:textId="1322786A" w:rsidR="05E87499" w:rsidRDefault="05E87499" w:rsidP="67C5D71E">
      <w:pPr>
        <w:pStyle w:val="ListParagraph"/>
        <w:numPr>
          <w:ilvl w:val="0"/>
          <w:numId w:val="2"/>
        </w:numPr>
      </w:pPr>
      <w:r>
        <w:t xml:space="preserve">Only one version </w:t>
      </w:r>
      <w:r w:rsidR="6BA17D95">
        <w:t>available to download</w:t>
      </w:r>
    </w:p>
    <w:p w14:paraId="4A46A915" w14:textId="1BBC4AF4" w:rsidR="0AC3C588" w:rsidRDefault="0AC3C588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>Example from Source:</w:t>
      </w:r>
    </w:p>
    <w:p w14:paraId="2F9AA8CA" w14:textId="21FDD46C" w:rsidR="0AC3C588" w:rsidRDefault="0AC3C588" w:rsidP="67C5D71E">
      <w:r>
        <w:rPr>
          <w:noProof/>
        </w:rPr>
        <w:lastRenderedPageBreak/>
        <w:drawing>
          <wp:inline distT="0" distB="0" distL="0" distR="0" wp14:anchorId="01714FC3" wp14:editId="74F3245A">
            <wp:extent cx="5943600" cy="3377748"/>
            <wp:effectExtent l="0" t="0" r="0" b="0"/>
            <wp:docPr id="1463785254" name="Picture 146378525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9072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37774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A9DC633" w14:textId="49FBEBA9" w:rsidR="0AC3C588" w:rsidRDefault="0AC3C588" w:rsidP="67C5D71E">
      <w:r>
        <w:t>Installation</w:t>
      </w:r>
    </w:p>
    <w:p w14:paraId="200954ED" w14:textId="2063AE13" w:rsidR="29BE912D" w:rsidRDefault="29BE912D" w:rsidP="67C5D71E">
      <w:pPr>
        <w:pStyle w:val="ListParagraph"/>
        <w:numPr>
          <w:ilvl w:val="0"/>
          <w:numId w:val="5"/>
        </w:numPr>
      </w:pPr>
      <w:r>
        <w:t>Download the built extension from GitHub</w:t>
      </w:r>
    </w:p>
    <w:p w14:paraId="0D513E16" w14:textId="275402A7" w:rsidR="29BE912D" w:rsidRDefault="29BE912D" w:rsidP="67C5D71E">
      <w:pPr>
        <w:pStyle w:val="ListParagraph"/>
        <w:numPr>
          <w:ilvl w:val="1"/>
          <w:numId w:val="5"/>
        </w:numPr>
      </w:pPr>
      <w:r>
        <w:t>Check the R</w:t>
      </w:r>
      <w:r w:rsidR="17FAFF8D">
        <w:t>eleases Page for more recent version</w:t>
      </w:r>
    </w:p>
    <w:p w14:paraId="3F69E530" w14:textId="0D329762" w:rsidR="17FAFF8D" w:rsidRDefault="17FAFF8D" w:rsidP="67C5D71E">
      <w:pPr>
        <w:pStyle w:val="ListParagraph"/>
        <w:numPr>
          <w:ilvl w:val="1"/>
          <w:numId w:val="5"/>
        </w:numPr>
      </w:pPr>
      <w:r>
        <w:t xml:space="preserve">Download the built extension zip file: </w:t>
      </w:r>
      <w:r w:rsidR="362DF2CC">
        <w:t>ghidra_9.2.2_PUBLIC_20210204_QuarkEngineHelper or newest file</w:t>
      </w:r>
    </w:p>
    <w:p w14:paraId="3C518C6B" w14:textId="175C1973" w:rsidR="362DF2CC" w:rsidRDefault="362DF2CC" w:rsidP="67C5D71E">
      <w:pPr>
        <w:pStyle w:val="ListParagraph"/>
        <w:numPr>
          <w:ilvl w:val="0"/>
          <w:numId w:val="5"/>
        </w:numPr>
      </w:pPr>
      <w:r>
        <w:t xml:space="preserve">Have </w:t>
      </w:r>
      <w:proofErr w:type="spellStart"/>
      <w:r>
        <w:t>Ghidra</w:t>
      </w:r>
      <w:proofErr w:type="spellEnd"/>
      <w:r>
        <w:t xml:space="preserve"> installed and </w:t>
      </w:r>
      <w:proofErr w:type="gramStart"/>
      <w:r>
        <w:t>install</w:t>
      </w:r>
      <w:proofErr w:type="gramEnd"/>
      <w:r>
        <w:t xml:space="preserve"> the extension by the following steps:</w:t>
      </w:r>
    </w:p>
    <w:p w14:paraId="1F7757B6" w14:textId="4BC910AA" w:rsidR="362DF2CC" w:rsidRDefault="362DF2CC" w:rsidP="67C5D71E">
      <w:pPr>
        <w:pStyle w:val="ListParagraph"/>
        <w:numPr>
          <w:ilvl w:val="1"/>
          <w:numId w:val="5"/>
        </w:numPr>
      </w:pPr>
      <w:r>
        <w:t xml:space="preserve">Startup </w:t>
      </w:r>
      <w:proofErr w:type="spellStart"/>
      <w:r>
        <w:t>Ghidra</w:t>
      </w:r>
      <w:proofErr w:type="spellEnd"/>
    </w:p>
    <w:p w14:paraId="1FE4877C" w14:textId="39ADC580" w:rsidR="362DF2CC" w:rsidRDefault="362DF2CC" w:rsidP="67C5D71E">
      <w:pPr>
        <w:pStyle w:val="ListParagraph"/>
        <w:numPr>
          <w:ilvl w:val="1"/>
          <w:numId w:val="5"/>
        </w:numPr>
      </w:pPr>
      <w:r>
        <w:t>Open File – Install Extensions...</w:t>
      </w:r>
    </w:p>
    <w:p w14:paraId="3BD795F7" w14:textId="6A2A3812" w:rsidR="362DF2CC" w:rsidRDefault="362DF2CC" w:rsidP="67C5D71E">
      <w:pPr>
        <w:pStyle w:val="ListParagraph"/>
        <w:numPr>
          <w:ilvl w:val="1"/>
          <w:numId w:val="5"/>
        </w:numPr>
      </w:pPr>
      <w:r>
        <w:t>Press the + icon on the upper right side of the Install Extensions window</w:t>
      </w:r>
    </w:p>
    <w:p w14:paraId="637F61F0" w14:textId="4136D9CF" w:rsidR="362DF2CC" w:rsidRDefault="362DF2CC" w:rsidP="67C5D71E">
      <w:pPr>
        <w:pStyle w:val="ListParagraph"/>
        <w:numPr>
          <w:ilvl w:val="1"/>
          <w:numId w:val="5"/>
        </w:numPr>
      </w:pPr>
      <w:r>
        <w:t>Find the file location where you downloaded the zip file from previous step and choose it</w:t>
      </w:r>
    </w:p>
    <w:p w14:paraId="4181A6C7" w14:textId="0A4E6562" w:rsidR="362DF2CC" w:rsidRDefault="362DF2CC" w:rsidP="67C5D71E">
      <w:pPr>
        <w:pStyle w:val="ListParagraph"/>
        <w:numPr>
          <w:ilvl w:val="1"/>
          <w:numId w:val="5"/>
        </w:numPr>
      </w:pPr>
      <w:r>
        <w:t xml:space="preserve">Press ok, and restart </w:t>
      </w:r>
      <w:proofErr w:type="spellStart"/>
      <w:r>
        <w:t>Ghidra</w:t>
      </w:r>
      <w:proofErr w:type="spellEnd"/>
      <w:r>
        <w:t xml:space="preserve"> for the changes to take effect</w:t>
      </w:r>
    </w:p>
    <w:p w14:paraId="5AA62026" w14:textId="70554C0D" w:rsidR="3455C655" w:rsidRDefault="3455C655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 xml:space="preserve">Source: </w:t>
      </w:r>
      <w:hyperlink r:id="rId39">
        <w:r w:rsidRPr="67C5D71E">
          <w:rPr>
            <w:rStyle w:val="Hyperlink"/>
            <w:rFonts w:ascii="Aptos" w:eastAsia="Aptos" w:hAnsi="Aptos" w:cs="Aptos"/>
          </w:rPr>
          <w:t>GitHub - quark-engine/</w:t>
        </w:r>
        <w:proofErr w:type="spellStart"/>
        <w:r w:rsidRPr="67C5D71E">
          <w:rPr>
            <w:rStyle w:val="Hyperlink"/>
            <w:rFonts w:ascii="Aptos" w:eastAsia="Aptos" w:hAnsi="Aptos" w:cs="Aptos"/>
          </w:rPr>
          <w:t>ghidraquark</w:t>
        </w:r>
        <w:proofErr w:type="spellEnd"/>
        <w:r w:rsidRPr="67C5D71E">
          <w:rPr>
            <w:rStyle w:val="Hyperlink"/>
            <w:rFonts w:ascii="Aptos" w:eastAsia="Aptos" w:hAnsi="Aptos" w:cs="Aptos"/>
          </w:rPr>
          <w:t xml:space="preserve">: </w:t>
        </w:r>
        <w:proofErr w:type="spellStart"/>
        <w:r w:rsidRPr="67C5D71E">
          <w:rPr>
            <w:rStyle w:val="Hyperlink"/>
            <w:rFonts w:ascii="Aptos" w:eastAsia="Aptos" w:hAnsi="Aptos" w:cs="Aptos"/>
          </w:rPr>
          <w:t>GhidraQuark</w:t>
        </w:r>
        <w:proofErr w:type="spellEnd"/>
        <w:r w:rsidRPr="67C5D71E">
          <w:rPr>
            <w:rStyle w:val="Hyperlink"/>
            <w:rFonts w:ascii="Aptos" w:eastAsia="Aptos" w:hAnsi="Aptos" w:cs="Aptos"/>
          </w:rPr>
          <w:t xml:space="preserve"> bridges Quark Engine into </w:t>
        </w:r>
        <w:proofErr w:type="spellStart"/>
        <w:r w:rsidRPr="67C5D71E">
          <w:rPr>
            <w:rStyle w:val="Hyperlink"/>
            <w:rFonts w:ascii="Aptos" w:eastAsia="Aptos" w:hAnsi="Aptos" w:cs="Aptos"/>
          </w:rPr>
          <w:t>Ghidra</w:t>
        </w:r>
        <w:proofErr w:type="spellEnd"/>
      </w:hyperlink>
    </w:p>
    <w:p w14:paraId="2D20A62D" w14:textId="642DC0E0" w:rsidR="7486F6CD" w:rsidRDefault="7486F6CD" w:rsidP="67C5D71E">
      <w:pPr>
        <w:rPr>
          <w:rFonts w:ascii="Aptos" w:eastAsia="Aptos" w:hAnsi="Aptos" w:cs="Aptos"/>
        </w:rPr>
      </w:pPr>
      <w:proofErr w:type="spellStart"/>
      <w:r w:rsidRPr="67C5D71E">
        <w:rPr>
          <w:rFonts w:ascii="Aptos" w:eastAsia="Aptos" w:hAnsi="Aptos" w:cs="Aptos"/>
        </w:rPr>
        <w:t>Intezer</w:t>
      </w:r>
      <w:proofErr w:type="spellEnd"/>
      <w:r w:rsidRPr="67C5D71E">
        <w:rPr>
          <w:rFonts w:ascii="Aptos" w:eastAsia="Aptos" w:hAnsi="Aptos" w:cs="Aptos"/>
        </w:rPr>
        <w:t xml:space="preserve"> Analyze </w:t>
      </w:r>
      <w:proofErr w:type="spellStart"/>
      <w:r w:rsidRPr="67C5D71E">
        <w:rPr>
          <w:rFonts w:ascii="Aptos" w:eastAsia="Aptos" w:hAnsi="Aptos" w:cs="Aptos"/>
        </w:rPr>
        <w:t>Ghidra</w:t>
      </w:r>
      <w:proofErr w:type="spellEnd"/>
      <w:r w:rsidRPr="67C5D71E">
        <w:rPr>
          <w:rFonts w:ascii="Aptos" w:eastAsia="Aptos" w:hAnsi="Aptos" w:cs="Aptos"/>
        </w:rPr>
        <w:t xml:space="preserve"> Plugin</w:t>
      </w:r>
    </w:p>
    <w:p w14:paraId="26F9C964" w14:textId="1D2A475B" w:rsidR="7486F6CD" w:rsidRDefault="7486F6CD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 xml:space="preserve">Plugin allows </w:t>
      </w:r>
      <w:proofErr w:type="spellStart"/>
      <w:r w:rsidRPr="67C5D71E">
        <w:rPr>
          <w:rFonts w:ascii="Aptos" w:eastAsia="Aptos" w:hAnsi="Aptos" w:cs="Aptos"/>
        </w:rPr>
        <w:t>Ghidra</w:t>
      </w:r>
      <w:proofErr w:type="spellEnd"/>
      <w:r w:rsidRPr="67C5D71E">
        <w:rPr>
          <w:rFonts w:ascii="Aptos" w:eastAsia="Aptos" w:hAnsi="Aptos" w:cs="Aptos"/>
        </w:rPr>
        <w:t xml:space="preserve"> to save time while reversing and focus on the malicious and unique functions</w:t>
      </w:r>
    </w:p>
    <w:p w14:paraId="7BAE2D81" w14:textId="2511797F" w:rsidR="4EF3A0AC" w:rsidRDefault="4EF3A0AC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 xml:space="preserve">Example from Source: </w:t>
      </w:r>
    </w:p>
    <w:p w14:paraId="50995375" w14:textId="6DA36C94" w:rsidR="4EF3A0AC" w:rsidRDefault="4EF3A0AC" w:rsidP="67C5D71E">
      <w:pPr>
        <w:rPr>
          <w:rFonts w:ascii="Aptos" w:eastAsia="Aptos" w:hAnsi="Aptos" w:cs="Aptos"/>
        </w:rPr>
      </w:pPr>
      <w:r>
        <w:rPr>
          <w:noProof/>
        </w:rPr>
        <w:lastRenderedPageBreak/>
        <w:drawing>
          <wp:inline distT="0" distB="0" distL="0" distR="0" wp14:anchorId="104486B7" wp14:editId="3DEA3E76">
            <wp:extent cx="5943600" cy="3219450"/>
            <wp:effectExtent l="0" t="0" r="0" b="0"/>
            <wp:docPr id="721154657" name="Picture 7211546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194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5AEC7D7" w14:textId="51FC1AA4" w:rsidR="7486F6CD" w:rsidRDefault="7486F6CD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>Requirements</w:t>
      </w:r>
    </w:p>
    <w:p w14:paraId="07FDF7A7" w14:textId="36EC38EF" w:rsidR="7486F6CD" w:rsidRDefault="7486F6CD" w:rsidP="67C5D71E">
      <w:pPr>
        <w:pStyle w:val="ListParagraph"/>
        <w:numPr>
          <w:ilvl w:val="0"/>
          <w:numId w:val="4"/>
        </w:num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>Python request HTTP library at version 2.27.1 or newer</w:t>
      </w:r>
    </w:p>
    <w:p w14:paraId="3D223983" w14:textId="20A8897E" w:rsidR="7486F6CD" w:rsidRDefault="7486F6CD" w:rsidP="67C5D71E">
      <w:pPr>
        <w:pStyle w:val="ListParagraph"/>
        <w:numPr>
          <w:ilvl w:val="0"/>
          <w:numId w:val="4"/>
        </w:numPr>
        <w:rPr>
          <w:rFonts w:ascii="Aptos" w:eastAsia="Aptos" w:hAnsi="Aptos" w:cs="Aptos"/>
        </w:rPr>
      </w:pPr>
      <w:proofErr w:type="spellStart"/>
      <w:proofErr w:type="gramStart"/>
      <w:r w:rsidRPr="67C5D71E">
        <w:rPr>
          <w:rFonts w:ascii="Aptos" w:eastAsia="Aptos" w:hAnsi="Aptos" w:cs="Aptos"/>
        </w:rPr>
        <w:t>Ghidra</w:t>
      </w:r>
      <w:proofErr w:type="spellEnd"/>
      <w:proofErr w:type="gramEnd"/>
      <w:r w:rsidRPr="67C5D71E">
        <w:rPr>
          <w:rFonts w:ascii="Aptos" w:eastAsia="Aptos" w:hAnsi="Aptos" w:cs="Aptos"/>
        </w:rPr>
        <w:t xml:space="preserve"> Version is tested on 10.1 up to 10.1.4</w:t>
      </w:r>
    </w:p>
    <w:p w14:paraId="1CC8E926" w14:textId="67CB775C" w:rsidR="67C5D71E" w:rsidRDefault="67C5D71E" w:rsidP="67C5D71E">
      <w:pPr>
        <w:rPr>
          <w:rFonts w:ascii="Aptos" w:eastAsia="Aptos" w:hAnsi="Aptos" w:cs="Aptos"/>
        </w:rPr>
      </w:pPr>
    </w:p>
    <w:p w14:paraId="5FCCCC41" w14:textId="21B83623" w:rsidR="7486F6CD" w:rsidRDefault="7486F6CD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>Installation</w:t>
      </w:r>
    </w:p>
    <w:p w14:paraId="5FAD57BE" w14:textId="6F31E374" w:rsidR="7486F6CD" w:rsidRDefault="7486F6CD" w:rsidP="67C5D71E">
      <w:pPr>
        <w:pStyle w:val="ListParagraph"/>
        <w:numPr>
          <w:ilvl w:val="0"/>
          <w:numId w:val="3"/>
        </w:num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 xml:space="preserve">Clone the repo: $ git clone </w:t>
      </w:r>
      <w:hyperlink r:id="rId41">
        <w:r w:rsidRPr="67C5D71E">
          <w:rPr>
            <w:rStyle w:val="Hyperlink"/>
            <w:rFonts w:ascii="Aptos" w:eastAsia="Aptos" w:hAnsi="Aptos" w:cs="Aptos"/>
          </w:rPr>
          <w:t>https://github.com/intezer/analyze-community-ghidra-plugin.git</w:t>
        </w:r>
      </w:hyperlink>
    </w:p>
    <w:p w14:paraId="02F97ED1" w14:textId="7EEC2DE2" w:rsidR="7486F6CD" w:rsidRDefault="7486F6CD" w:rsidP="67C5D71E">
      <w:pPr>
        <w:pStyle w:val="ListParagraph"/>
        <w:numPr>
          <w:ilvl w:val="0"/>
          <w:numId w:val="3"/>
        </w:num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>Add the API key to the environment variables, and then add a new variable named INTE</w:t>
      </w:r>
      <w:r w:rsidR="298DAAA6" w:rsidRPr="67C5D71E">
        <w:rPr>
          <w:rFonts w:ascii="Aptos" w:eastAsia="Aptos" w:hAnsi="Aptos" w:cs="Aptos"/>
        </w:rPr>
        <w:t xml:space="preserve">ZER_API_KEY </w:t>
      </w:r>
      <w:r w:rsidRPr="67C5D71E">
        <w:rPr>
          <w:rFonts w:ascii="Aptos" w:eastAsia="Aptos" w:hAnsi="Aptos" w:cs="Aptos"/>
        </w:rPr>
        <w:t>with the API key value from earlier</w:t>
      </w:r>
    </w:p>
    <w:p w14:paraId="702C6BCA" w14:textId="68292390" w:rsidR="6CB65EEA" w:rsidRDefault="6CB65EEA" w:rsidP="67C5D71E">
      <w:pPr>
        <w:pStyle w:val="ListParagraph"/>
        <w:numPr>
          <w:ilvl w:val="0"/>
          <w:numId w:val="3"/>
        </w:num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 xml:space="preserve">Once in </w:t>
      </w:r>
      <w:proofErr w:type="spellStart"/>
      <w:r w:rsidRPr="67C5D71E">
        <w:rPr>
          <w:rFonts w:ascii="Aptos" w:eastAsia="Aptos" w:hAnsi="Aptos" w:cs="Aptos"/>
        </w:rPr>
        <w:t>Ghidra</w:t>
      </w:r>
      <w:proofErr w:type="spellEnd"/>
      <w:r w:rsidRPr="67C5D71E">
        <w:rPr>
          <w:rFonts w:ascii="Aptos" w:eastAsia="Aptos" w:hAnsi="Aptos" w:cs="Aptos"/>
        </w:rPr>
        <w:t xml:space="preserve">, in the </w:t>
      </w:r>
      <w:proofErr w:type="spellStart"/>
      <w:r w:rsidRPr="67C5D71E">
        <w:rPr>
          <w:rFonts w:ascii="Aptos" w:eastAsia="Aptos" w:hAnsi="Aptos" w:cs="Aptos"/>
        </w:rPr>
        <w:t>CodeBrowser</w:t>
      </w:r>
      <w:proofErr w:type="spellEnd"/>
      <w:r w:rsidRPr="67C5D71E">
        <w:rPr>
          <w:rFonts w:ascii="Aptos" w:eastAsia="Aptos" w:hAnsi="Aptos" w:cs="Aptos"/>
        </w:rPr>
        <w:t xml:space="preserve"> tool: click Window menu &gt; Bundle Manger</w:t>
      </w:r>
    </w:p>
    <w:p w14:paraId="1D72F865" w14:textId="15272CEC" w:rsidR="71592F9C" w:rsidRDefault="71592F9C" w:rsidP="67C5D71E">
      <w:pPr>
        <w:pStyle w:val="ListParagraph"/>
        <w:numPr>
          <w:ilvl w:val="0"/>
          <w:numId w:val="3"/>
        </w:num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 xml:space="preserve">In the Bundle Manger, </w:t>
      </w:r>
      <w:r w:rsidR="641D3A2A" w:rsidRPr="67C5D71E">
        <w:rPr>
          <w:rFonts w:ascii="Aptos" w:eastAsia="Aptos" w:hAnsi="Aptos" w:cs="Aptos"/>
        </w:rPr>
        <w:t xml:space="preserve">Click the Green + button at the top right corner of the </w:t>
      </w:r>
      <w:r w:rsidR="1CD88ABC" w:rsidRPr="67C5D71E">
        <w:rPr>
          <w:rFonts w:ascii="Aptos" w:eastAsia="Aptos" w:hAnsi="Aptos" w:cs="Aptos"/>
        </w:rPr>
        <w:t>window, once hovered a “Display file chooser to add bundles to list” should appear.</w:t>
      </w:r>
    </w:p>
    <w:p w14:paraId="6AFFB9E8" w14:textId="39E13CBD" w:rsidR="57896F83" w:rsidRDefault="57896F83" w:rsidP="67C5D71E">
      <w:pPr>
        <w:pStyle w:val="ListParagraph"/>
        <w:numPr>
          <w:ilvl w:val="0"/>
          <w:numId w:val="3"/>
        </w:num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>Go to the directory “analyze-community-</w:t>
      </w:r>
      <w:proofErr w:type="spellStart"/>
      <w:r w:rsidRPr="67C5D71E">
        <w:rPr>
          <w:rFonts w:ascii="Aptos" w:eastAsia="Aptos" w:hAnsi="Aptos" w:cs="Aptos"/>
        </w:rPr>
        <w:t>ghidra</w:t>
      </w:r>
      <w:proofErr w:type="spellEnd"/>
      <w:r w:rsidRPr="67C5D71E">
        <w:rPr>
          <w:rFonts w:ascii="Aptos" w:eastAsia="Aptos" w:hAnsi="Aptos" w:cs="Aptos"/>
        </w:rPr>
        <w:t>-plugin" wherever you cloned it by git and click OK. The path should appear in a table, and should have a checkbox to the left of it check while being in a g</w:t>
      </w:r>
      <w:r w:rsidR="317241EA" w:rsidRPr="67C5D71E">
        <w:rPr>
          <w:rFonts w:ascii="Aptos" w:eastAsia="Aptos" w:hAnsi="Aptos" w:cs="Aptos"/>
        </w:rPr>
        <w:t>reen text</w:t>
      </w:r>
    </w:p>
    <w:p w14:paraId="70ADE07F" w14:textId="60E18752" w:rsidR="317241EA" w:rsidRDefault="317241EA" w:rsidP="67C5D71E">
      <w:pPr>
        <w:pStyle w:val="ListParagraph"/>
        <w:numPr>
          <w:ilvl w:val="0"/>
          <w:numId w:val="3"/>
        </w:num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 xml:space="preserve">While in </w:t>
      </w:r>
      <w:proofErr w:type="spellStart"/>
      <w:r w:rsidRPr="67C5D71E">
        <w:rPr>
          <w:rFonts w:ascii="Aptos" w:eastAsia="Aptos" w:hAnsi="Aptos" w:cs="Aptos"/>
        </w:rPr>
        <w:t>Ghidra</w:t>
      </w:r>
      <w:proofErr w:type="spellEnd"/>
      <w:r w:rsidRPr="67C5D71E">
        <w:rPr>
          <w:rFonts w:ascii="Aptos" w:eastAsia="Aptos" w:hAnsi="Aptos" w:cs="Aptos"/>
        </w:rPr>
        <w:t xml:space="preserve">, from the </w:t>
      </w:r>
      <w:proofErr w:type="spellStart"/>
      <w:r w:rsidRPr="67C5D71E">
        <w:rPr>
          <w:rFonts w:ascii="Aptos" w:eastAsia="Aptos" w:hAnsi="Aptos" w:cs="Aptos"/>
        </w:rPr>
        <w:t>CodeBrowser</w:t>
      </w:r>
      <w:proofErr w:type="spellEnd"/>
      <w:r w:rsidRPr="67C5D71E">
        <w:rPr>
          <w:rFonts w:ascii="Aptos" w:eastAsia="Aptos" w:hAnsi="Aptos" w:cs="Aptos"/>
        </w:rPr>
        <w:t xml:space="preserve"> window: click Window menu – Script Manager – Filter ‘</w:t>
      </w:r>
      <w:proofErr w:type="spellStart"/>
      <w:r w:rsidRPr="67C5D71E">
        <w:rPr>
          <w:rFonts w:ascii="Aptos" w:eastAsia="Aptos" w:hAnsi="Aptos" w:cs="Aptos"/>
        </w:rPr>
        <w:t>intezer</w:t>
      </w:r>
      <w:proofErr w:type="spellEnd"/>
      <w:r w:rsidRPr="67C5D71E">
        <w:rPr>
          <w:rFonts w:ascii="Aptos" w:eastAsia="Aptos" w:hAnsi="Aptos" w:cs="Aptos"/>
        </w:rPr>
        <w:t>’ - Double click ‘intezer_ana</w:t>
      </w:r>
      <w:r w:rsidR="432ED828" w:rsidRPr="67C5D71E">
        <w:rPr>
          <w:rFonts w:ascii="Aptos" w:eastAsia="Aptos" w:hAnsi="Aptos" w:cs="Aptos"/>
        </w:rPr>
        <w:t xml:space="preserve">lyze_gh_community.py’. </w:t>
      </w:r>
    </w:p>
    <w:p w14:paraId="06D10E07" w14:textId="19C3096C" w:rsidR="67C5D71E" w:rsidRDefault="67C5D71E" w:rsidP="67C5D71E">
      <w:pPr>
        <w:rPr>
          <w:rFonts w:ascii="Aptos" w:eastAsia="Aptos" w:hAnsi="Aptos" w:cs="Aptos"/>
        </w:rPr>
      </w:pPr>
    </w:p>
    <w:p w14:paraId="53A46BC4" w14:textId="5B04FD0B" w:rsidR="6358336D" w:rsidRDefault="6358336D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lastRenderedPageBreak/>
        <w:t xml:space="preserve">Source: </w:t>
      </w:r>
      <w:hyperlink r:id="rId42">
        <w:r w:rsidRPr="67C5D71E">
          <w:rPr>
            <w:rStyle w:val="Hyperlink"/>
            <w:rFonts w:ascii="Aptos" w:eastAsia="Aptos" w:hAnsi="Aptos" w:cs="Aptos"/>
          </w:rPr>
          <w:t>GitHub - quark-engine/</w:t>
        </w:r>
        <w:proofErr w:type="spellStart"/>
        <w:r w:rsidRPr="67C5D71E">
          <w:rPr>
            <w:rStyle w:val="Hyperlink"/>
            <w:rFonts w:ascii="Aptos" w:eastAsia="Aptos" w:hAnsi="Aptos" w:cs="Aptos"/>
          </w:rPr>
          <w:t>ghidraquark</w:t>
        </w:r>
        <w:proofErr w:type="spellEnd"/>
        <w:r w:rsidRPr="67C5D71E">
          <w:rPr>
            <w:rStyle w:val="Hyperlink"/>
            <w:rFonts w:ascii="Aptos" w:eastAsia="Aptos" w:hAnsi="Aptos" w:cs="Aptos"/>
          </w:rPr>
          <w:t xml:space="preserve">: </w:t>
        </w:r>
        <w:proofErr w:type="spellStart"/>
        <w:r w:rsidRPr="67C5D71E">
          <w:rPr>
            <w:rStyle w:val="Hyperlink"/>
            <w:rFonts w:ascii="Aptos" w:eastAsia="Aptos" w:hAnsi="Aptos" w:cs="Aptos"/>
          </w:rPr>
          <w:t>GhidraQuark</w:t>
        </w:r>
        <w:proofErr w:type="spellEnd"/>
        <w:r w:rsidRPr="67C5D71E">
          <w:rPr>
            <w:rStyle w:val="Hyperlink"/>
            <w:rFonts w:ascii="Aptos" w:eastAsia="Aptos" w:hAnsi="Aptos" w:cs="Aptos"/>
          </w:rPr>
          <w:t xml:space="preserve"> bridges Quark Engine into </w:t>
        </w:r>
        <w:proofErr w:type="spellStart"/>
        <w:r w:rsidRPr="67C5D71E">
          <w:rPr>
            <w:rStyle w:val="Hyperlink"/>
            <w:rFonts w:ascii="Aptos" w:eastAsia="Aptos" w:hAnsi="Aptos" w:cs="Aptos"/>
          </w:rPr>
          <w:t>Ghidra</w:t>
        </w:r>
        <w:proofErr w:type="spellEnd"/>
      </w:hyperlink>
    </w:p>
    <w:p w14:paraId="58673794" w14:textId="78C37094" w:rsidR="67C5D71E" w:rsidRDefault="67C5D71E" w:rsidP="67C5D71E">
      <w:pPr>
        <w:rPr>
          <w:rFonts w:ascii="Aptos" w:eastAsia="Aptos" w:hAnsi="Aptos" w:cs="Aptos"/>
        </w:rPr>
      </w:pPr>
    </w:p>
    <w:p w14:paraId="2518F0FF" w14:textId="7971E35C" w:rsidR="5D24E7A5" w:rsidRDefault="5D24E7A5" w:rsidP="6BCA6D52">
      <w:pPr>
        <w:rPr>
          <w:rFonts w:ascii="Aptos" w:eastAsia="Aptos" w:hAnsi="Aptos" w:cs="Aptos"/>
        </w:rPr>
      </w:pPr>
      <w:r w:rsidRPr="6BCA6D52">
        <w:rPr>
          <w:rFonts w:ascii="Aptos" w:eastAsia="Aptos" w:hAnsi="Aptos" w:cs="Aptos"/>
        </w:rPr>
        <w:t xml:space="preserve">Final Phase- </w:t>
      </w:r>
      <w:proofErr w:type="spellStart"/>
      <w:r w:rsidRPr="6BCA6D52">
        <w:rPr>
          <w:rFonts w:ascii="Aptos" w:eastAsia="Aptos" w:hAnsi="Aptos" w:cs="Aptos"/>
        </w:rPr>
        <w:t>WinDbg</w:t>
      </w:r>
      <w:proofErr w:type="spellEnd"/>
      <w:r w:rsidRPr="6BCA6D52">
        <w:rPr>
          <w:rFonts w:ascii="Aptos" w:eastAsia="Aptos" w:hAnsi="Aptos" w:cs="Aptos"/>
        </w:rPr>
        <w:t xml:space="preserve"> explanation and using </w:t>
      </w:r>
      <w:proofErr w:type="spellStart"/>
      <w:r w:rsidRPr="6BCA6D52">
        <w:rPr>
          <w:rFonts w:ascii="Aptos" w:eastAsia="Aptos" w:hAnsi="Aptos" w:cs="Aptos"/>
        </w:rPr>
        <w:t>WinDbg</w:t>
      </w:r>
      <w:proofErr w:type="spellEnd"/>
    </w:p>
    <w:p w14:paraId="430602B9" w14:textId="2E0CC0D2" w:rsidR="637EDC3A" w:rsidRDefault="637EDC3A" w:rsidP="6BCA6D52">
      <w:pPr>
        <w:rPr>
          <w:rFonts w:ascii="Aptos" w:eastAsia="Aptos" w:hAnsi="Aptos" w:cs="Aptos"/>
        </w:rPr>
      </w:pPr>
      <w:r w:rsidRPr="6BCA6D52">
        <w:rPr>
          <w:rFonts w:ascii="Aptos" w:eastAsia="Aptos" w:hAnsi="Aptos" w:cs="Aptos"/>
        </w:rPr>
        <w:t xml:space="preserve">Intro to </w:t>
      </w:r>
      <w:proofErr w:type="spellStart"/>
      <w:r w:rsidRPr="6BCA6D52">
        <w:rPr>
          <w:rFonts w:ascii="Aptos" w:eastAsia="Aptos" w:hAnsi="Aptos" w:cs="Aptos"/>
        </w:rPr>
        <w:t>WinDBG</w:t>
      </w:r>
      <w:proofErr w:type="spellEnd"/>
    </w:p>
    <w:p w14:paraId="7D3CC161" w14:textId="2828F936" w:rsidR="5C3627B0" w:rsidRDefault="5C3627B0" w:rsidP="6BCA6D52">
      <w:pPr>
        <w:rPr>
          <w:rFonts w:ascii="Aptos" w:eastAsia="Aptos" w:hAnsi="Aptos" w:cs="Aptos"/>
        </w:rPr>
      </w:pPr>
      <w:proofErr w:type="spellStart"/>
      <w:r w:rsidRPr="6BCA6D52">
        <w:rPr>
          <w:rFonts w:ascii="Aptos" w:eastAsia="Aptos" w:hAnsi="Aptos" w:cs="Aptos"/>
        </w:rPr>
        <w:t>WinDBG</w:t>
      </w:r>
      <w:proofErr w:type="spellEnd"/>
      <w:r w:rsidRPr="6BCA6D52">
        <w:rPr>
          <w:rFonts w:ascii="Aptos" w:eastAsia="Aptos" w:hAnsi="Aptos" w:cs="Aptos"/>
        </w:rPr>
        <w:t xml:space="preserve"> is a powerful debugging tool by Microsoft for debugging Windows kernel-mode and user-mode programs. Used by developers, security researchers and system administrators to ana</w:t>
      </w:r>
      <w:r w:rsidR="72469A29" w:rsidRPr="6BCA6D52">
        <w:rPr>
          <w:rFonts w:ascii="Aptos" w:eastAsia="Aptos" w:hAnsi="Aptos" w:cs="Aptos"/>
        </w:rPr>
        <w:t xml:space="preserve">lyze and troubleshoot software and </w:t>
      </w:r>
      <w:proofErr w:type="gramStart"/>
      <w:r w:rsidR="72469A29" w:rsidRPr="6BCA6D52">
        <w:rPr>
          <w:rFonts w:ascii="Aptos" w:eastAsia="Aptos" w:hAnsi="Aptos" w:cs="Aptos"/>
        </w:rPr>
        <w:t>operating</w:t>
      </w:r>
      <w:proofErr w:type="gramEnd"/>
      <w:r w:rsidR="72469A29" w:rsidRPr="6BCA6D52">
        <w:rPr>
          <w:rFonts w:ascii="Aptos" w:eastAsia="Aptos" w:hAnsi="Aptos" w:cs="Aptos"/>
        </w:rPr>
        <w:t xml:space="preserve"> systems.</w:t>
      </w:r>
    </w:p>
    <w:p w14:paraId="6249FCE1" w14:textId="7B245A04" w:rsidR="72469A29" w:rsidRDefault="0146B354" w:rsidP="6BCA6D52">
      <w:r>
        <w:t xml:space="preserve">Installation: </w:t>
      </w:r>
    </w:p>
    <w:p w14:paraId="672EB760" w14:textId="0BD177E4" w:rsidR="0146B354" w:rsidRDefault="0146B354" w:rsidP="67C5D71E">
      <w:r>
        <w:t>From Online</w:t>
      </w:r>
    </w:p>
    <w:p w14:paraId="1E188256" w14:textId="047C17E4" w:rsidR="0146B354" w:rsidRDefault="0146B354" w:rsidP="67C5D71E">
      <w:pPr>
        <w:rPr>
          <w:rFonts w:ascii="Aptos" w:eastAsia="Aptos" w:hAnsi="Aptos" w:cs="Aptos"/>
        </w:rPr>
      </w:pPr>
      <w:r>
        <w:rPr>
          <w:noProof/>
        </w:rPr>
        <w:drawing>
          <wp:inline distT="0" distB="0" distL="0" distR="0" wp14:anchorId="00D7284F" wp14:editId="55EBCEDA">
            <wp:extent cx="5943600" cy="4219575"/>
            <wp:effectExtent l="0" t="0" r="0" b="0"/>
            <wp:docPr id="871207936" name="Picture 871207936" descr="A screenshot of a computer pro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2195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67C5D71E">
        <w:rPr>
          <w:rFonts w:ascii="Aptos" w:eastAsia="Aptos" w:hAnsi="Aptos" w:cs="Aptos"/>
        </w:rPr>
        <w:t>From Microsoft Store:</w:t>
      </w:r>
    </w:p>
    <w:p w14:paraId="02E0ABCA" w14:textId="78AF1B4F" w:rsidR="0146B354" w:rsidRDefault="0146B354" w:rsidP="67C5D71E">
      <w:pPr>
        <w:rPr>
          <w:rFonts w:ascii="Aptos" w:eastAsia="Aptos" w:hAnsi="Aptos" w:cs="Aptos"/>
        </w:rPr>
      </w:pPr>
      <w:r>
        <w:rPr>
          <w:noProof/>
        </w:rPr>
        <w:lastRenderedPageBreak/>
        <w:drawing>
          <wp:inline distT="0" distB="0" distL="0" distR="0" wp14:anchorId="527B65DC" wp14:editId="3828167A">
            <wp:extent cx="5943600" cy="3219450"/>
            <wp:effectExtent l="0" t="0" r="0" b="0"/>
            <wp:docPr id="619297708" name="Picture 61929770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194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580DDB2" w14:textId="4E876A38" w:rsidR="67C5D71E" w:rsidRDefault="67C5D71E" w:rsidP="67C5D71E">
      <w:pPr>
        <w:rPr>
          <w:rFonts w:ascii="Aptos" w:eastAsia="Aptos" w:hAnsi="Aptos" w:cs="Aptos"/>
        </w:rPr>
      </w:pPr>
    </w:p>
    <w:p w14:paraId="6EB24CED" w14:textId="3061AF46" w:rsidR="637EDC3A" w:rsidRDefault="637EDC3A" w:rsidP="6BCA6D52">
      <w:pPr>
        <w:rPr>
          <w:rFonts w:ascii="Aptos" w:eastAsia="Aptos" w:hAnsi="Aptos" w:cs="Aptos"/>
        </w:rPr>
      </w:pPr>
      <w:r>
        <w:rPr>
          <w:noProof/>
        </w:rPr>
        <w:lastRenderedPageBreak/>
        <w:drawing>
          <wp:inline distT="0" distB="0" distL="0" distR="0" wp14:anchorId="5A36EE59" wp14:editId="2CB50907">
            <wp:extent cx="5943600" cy="2981325"/>
            <wp:effectExtent l="0" t="0" r="0" b="0"/>
            <wp:docPr id="736259163" name="Picture 7362591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9813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 wp14:anchorId="34D21A39" wp14:editId="46079A3E">
            <wp:extent cx="5943600" cy="3171825"/>
            <wp:effectExtent l="0" t="0" r="0" b="0"/>
            <wp:docPr id="275515538" name="Picture 27551553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1718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3AAD9BD" w14:textId="46861276" w:rsidR="67C5D71E" w:rsidRDefault="67C5D71E" w:rsidP="67C5D71E">
      <w:pPr>
        <w:rPr>
          <w:rFonts w:ascii="Aptos" w:eastAsia="Aptos" w:hAnsi="Aptos" w:cs="Aptos"/>
        </w:rPr>
      </w:pPr>
    </w:p>
    <w:p w14:paraId="1BFC788D" w14:textId="67463FC7" w:rsidR="2517DFD2" w:rsidRDefault="2517DFD2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 xml:space="preserve">The </w:t>
      </w:r>
      <w:proofErr w:type="spellStart"/>
      <w:r w:rsidRPr="67C5D71E">
        <w:rPr>
          <w:rFonts w:ascii="Aptos" w:eastAsia="Aptos" w:hAnsi="Aptos" w:cs="Aptos"/>
        </w:rPr>
        <w:t>WinDbg</w:t>
      </w:r>
      <w:proofErr w:type="spellEnd"/>
    </w:p>
    <w:p w14:paraId="5C0C46EE" w14:textId="4D1326EA" w:rsidR="2517DFD2" w:rsidRDefault="2517DFD2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t xml:space="preserve">So overall, </w:t>
      </w:r>
      <w:r w:rsidR="266FFDF9" w:rsidRPr="67C5D71E">
        <w:rPr>
          <w:rFonts w:ascii="Aptos" w:eastAsia="Aptos" w:hAnsi="Aptos" w:cs="Aptos"/>
        </w:rPr>
        <w:t xml:space="preserve">The Debugging of the Alina Malware (aka Spark.exe) was not a complete success, as an important asset known as symbols was unable to load into it which would’ve helped with the </w:t>
      </w:r>
      <w:r w:rsidR="6AF7476C" w:rsidRPr="67C5D71E">
        <w:rPr>
          <w:rFonts w:ascii="Aptos" w:eastAsia="Aptos" w:hAnsi="Aptos" w:cs="Aptos"/>
        </w:rPr>
        <w:t xml:space="preserve">execution of the malware of the debugger, however much we wanted it to be working. </w:t>
      </w:r>
    </w:p>
    <w:p w14:paraId="7324AAB3" w14:textId="5A12A06F" w:rsidR="67C5D71E" w:rsidRDefault="67C5D71E" w:rsidP="67C5D71E">
      <w:pPr>
        <w:rPr>
          <w:rFonts w:ascii="Aptos" w:eastAsia="Aptos" w:hAnsi="Aptos" w:cs="Aptos"/>
        </w:rPr>
      </w:pPr>
    </w:p>
    <w:p w14:paraId="36AC9EB4" w14:textId="4E252881" w:rsidR="6AF7476C" w:rsidRDefault="6AF7476C" w:rsidP="67C5D71E">
      <w:pPr>
        <w:rPr>
          <w:rFonts w:ascii="Aptos" w:eastAsia="Aptos" w:hAnsi="Aptos" w:cs="Aptos"/>
        </w:rPr>
      </w:pPr>
      <w:r w:rsidRPr="67C5D71E">
        <w:rPr>
          <w:rFonts w:ascii="Aptos" w:eastAsia="Aptos" w:hAnsi="Aptos" w:cs="Aptos"/>
        </w:rPr>
        <w:lastRenderedPageBreak/>
        <w:t>In the screenshot below is the insertion of the malware:</w:t>
      </w:r>
    </w:p>
    <w:p w14:paraId="7495435F" w14:textId="30389282" w:rsidR="6E237611" w:rsidRDefault="6E237611" w:rsidP="67C5D71E">
      <w:r>
        <w:rPr>
          <w:noProof/>
        </w:rPr>
        <w:drawing>
          <wp:inline distT="0" distB="0" distL="0" distR="0" wp14:anchorId="36F020B1" wp14:editId="3C8CC1E0">
            <wp:extent cx="5943600" cy="3848100"/>
            <wp:effectExtent l="0" t="0" r="0" b="0"/>
            <wp:docPr id="1683838719" name="Picture 16838387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481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5792BB2" w14:textId="28D67290" w:rsidR="7A97080A" w:rsidRDefault="7A97080A" w:rsidP="67C5D71E">
      <w:r>
        <w:t xml:space="preserve">Initial </w:t>
      </w:r>
      <w:proofErr w:type="gramStart"/>
      <w:r>
        <w:t>set</w:t>
      </w:r>
      <w:proofErr w:type="gramEnd"/>
      <w:r>
        <w:t xml:space="preserve"> up of the malware within the debugger:</w:t>
      </w:r>
    </w:p>
    <w:p w14:paraId="622CEF04" w14:textId="7B0260B1" w:rsidR="66327549" w:rsidRDefault="66327549" w:rsidP="67C5D71E">
      <w:r>
        <w:rPr>
          <w:noProof/>
        </w:rPr>
        <w:lastRenderedPageBreak/>
        <w:drawing>
          <wp:inline distT="0" distB="0" distL="0" distR="0" wp14:anchorId="4826860B" wp14:editId="42410D87">
            <wp:extent cx="5943600" cy="3848100"/>
            <wp:effectExtent l="0" t="0" r="0" b="0"/>
            <wp:docPr id="1127234335" name="Picture 11272343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481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23AB377" w14:textId="3AF1F8EB" w:rsidR="67C5D71E" w:rsidRDefault="67C5D71E" w:rsidP="67C5D71E"/>
    <w:p w14:paraId="0C51E79E" w14:textId="54D3A4A4" w:rsidR="67C5D71E" w:rsidRDefault="67C5D71E" w:rsidP="67C5D71E"/>
    <w:p w14:paraId="12243F8D" w14:textId="0BBDD44A" w:rsidR="66327549" w:rsidRDefault="66327549" w:rsidP="67C5D71E">
      <w:r>
        <w:t>The</w:t>
      </w:r>
      <w:r w:rsidR="1B4CFCDF">
        <w:t xml:space="preserve"> following screenshot showcases the </w:t>
      </w:r>
      <w:r w:rsidR="4DA8E76A">
        <w:t xml:space="preserve">commands done </w:t>
      </w:r>
      <w:bookmarkStart w:id="0" w:name="_Int_Azblh16s"/>
      <w:proofErr w:type="gramStart"/>
      <w:r w:rsidR="4DA8E76A">
        <w:t>in order to</w:t>
      </w:r>
      <w:bookmarkEnd w:id="0"/>
      <w:proofErr w:type="gramEnd"/>
      <w:r w:rsidR="4DA8E76A">
        <w:t xml:space="preserve"> load in symbols and its result (</w:t>
      </w:r>
      <w:r w:rsidR="67D49CDA">
        <w:t>S</w:t>
      </w:r>
      <w:r w:rsidR="4DA8E76A">
        <w:t>poilers: it failed)</w:t>
      </w:r>
      <w:r>
        <w:t>:</w:t>
      </w:r>
      <w:r>
        <w:br/>
      </w:r>
      <w:r w:rsidR="7DCB9E1C">
        <w:rPr>
          <w:noProof/>
        </w:rPr>
        <w:lastRenderedPageBreak/>
        <w:drawing>
          <wp:inline distT="0" distB="0" distL="0" distR="0" wp14:anchorId="5C89F889" wp14:editId="7EFB418C">
            <wp:extent cx="5943600" cy="3848100"/>
            <wp:effectExtent l="0" t="0" r="0" b="0"/>
            <wp:docPr id="408900002" name="Picture 40890000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481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7DCB9E1C">
        <w:t>(note: the file specified is literally running in the debugger right now, so there was literally no reason for it not to see anything)</w:t>
      </w:r>
    </w:p>
    <w:p w14:paraId="231BAE44" w14:textId="6177FD93" w:rsidR="67C5D71E" w:rsidRDefault="67C5D71E" w:rsidP="67C5D71E"/>
    <w:p w14:paraId="28D537F5" w14:textId="1262B28A" w:rsidR="7DCB9E1C" w:rsidRDefault="7DCB9E1C" w:rsidP="67C5D71E">
      <w:r>
        <w:t xml:space="preserve">Now, it is still technically possible to continue without the symbols however the issue is these symbols </w:t>
      </w:r>
      <w:proofErr w:type="gramStart"/>
      <w:r>
        <w:t>makes</w:t>
      </w:r>
      <w:proofErr w:type="gramEnd"/>
      <w:r>
        <w:t xml:space="preserve"> it</w:t>
      </w:r>
      <w:r w:rsidR="703C6A69">
        <w:t xml:space="preserve"> [the debugging code]</w:t>
      </w:r>
      <w:r>
        <w:t xml:space="preserve"> significantly </w:t>
      </w:r>
      <w:r w:rsidR="59AE0520">
        <w:t xml:space="preserve">easier to understand and is key to being able to </w:t>
      </w:r>
      <w:r w:rsidR="0FB0ACD4">
        <w:t xml:space="preserve">do important things such as set proper breakpoints and find the API calls that we need to find to </w:t>
      </w:r>
      <w:r w:rsidR="37339949">
        <w:t xml:space="preserve">see what causes the malware to run its process. </w:t>
      </w:r>
    </w:p>
    <w:p w14:paraId="576F3867" w14:textId="15CEF72A" w:rsidR="6BC75229" w:rsidRDefault="6BC75229" w:rsidP="67C5D71E">
      <w:r>
        <w:t>To further emphasize this point, the following screenshot shows the disassembly of t</w:t>
      </w:r>
      <w:r w:rsidR="722DE88D">
        <w:t>he code:</w:t>
      </w:r>
    </w:p>
    <w:p w14:paraId="3FD8393D" w14:textId="604627F1" w:rsidR="722DE88D" w:rsidRDefault="722DE88D" w:rsidP="67C5D71E">
      <w:r>
        <w:rPr>
          <w:noProof/>
        </w:rPr>
        <w:lastRenderedPageBreak/>
        <w:drawing>
          <wp:inline distT="0" distB="0" distL="0" distR="0" wp14:anchorId="6F6EF139" wp14:editId="7C222C3A">
            <wp:extent cx="4572000" cy="2962275"/>
            <wp:effectExtent l="0" t="0" r="0" b="0"/>
            <wp:docPr id="463004632" name="Picture 4630046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5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9622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18C3B03" w14:textId="66D904B0" w:rsidR="722DE88D" w:rsidRDefault="722DE88D" w:rsidP="67C5D71E">
      <w:r>
        <w:t>As you can see, we literally know only one thing, an integer. Everything else is supposed to be process and integers (which you can see somewhat cl</w:t>
      </w:r>
      <w:r w:rsidR="62501789">
        <w:t xml:space="preserve">early in </w:t>
      </w:r>
      <w:proofErr w:type="spellStart"/>
      <w:r w:rsidR="62501789">
        <w:t>Ghidra</w:t>
      </w:r>
      <w:proofErr w:type="spellEnd"/>
      <w:r w:rsidR="62501789">
        <w:t>), but without the symbols, they are unintelligible.</w:t>
      </w:r>
    </w:p>
    <w:p w14:paraId="63667976" w14:textId="7C600C42" w:rsidR="2C62494A" w:rsidRDefault="2C62494A" w:rsidP="67C5D71E">
      <w:r>
        <w:rPr>
          <w:noProof/>
        </w:rPr>
        <w:drawing>
          <wp:inline distT="0" distB="0" distL="0" distR="0" wp14:anchorId="799D925B" wp14:editId="7F39BC41">
            <wp:extent cx="5943600" cy="1428750"/>
            <wp:effectExtent l="0" t="0" r="0" b="0"/>
            <wp:docPr id="941724695" name="Picture 94172469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5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428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 xml:space="preserve">This is just to show that even when given the thread, this isn’t valid because this might </w:t>
      </w:r>
      <w:proofErr w:type="gramStart"/>
      <w:r>
        <w:t>actually not</w:t>
      </w:r>
      <w:proofErr w:type="gramEnd"/>
      <w:r>
        <w:t xml:space="preserve"> be a significant address at all. </w:t>
      </w:r>
    </w:p>
    <w:p w14:paraId="0B225336" w14:textId="064F3A0D" w:rsidR="67C5D71E" w:rsidRDefault="67C5D71E" w:rsidP="67C5D71E"/>
    <w:p w14:paraId="7362656A" w14:textId="28355F23" w:rsidR="67C5D71E" w:rsidRDefault="67C5D71E" w:rsidP="67C5D71E"/>
    <w:p w14:paraId="24A0EFE9" w14:textId="43FF4172" w:rsidR="0BB4BBE3" w:rsidRDefault="0BB4BBE3" w:rsidP="67C5D71E">
      <w:r>
        <w:t>So, in short, we could not debug it simply because it was literally not possible and my theory has to do with the fact that it is a malware and when symbols are loaded in, it doesn’t work with th</w:t>
      </w:r>
      <w:r w:rsidR="0C38EE05">
        <w:t xml:space="preserve">e executable because it is using API + thread calls that are foreign to these symbols as an executable (as they have to be </w:t>
      </w:r>
      <w:r w:rsidR="65A8FC5B">
        <w:t>capable</w:t>
      </w:r>
      <w:r w:rsidR="0C38EE05">
        <w:t xml:space="preserve"> of symbols from its development if it </w:t>
      </w:r>
      <w:r w:rsidR="51AF7FF5">
        <w:t>is to work</w:t>
      </w:r>
      <w:r w:rsidR="616711A3">
        <w:t xml:space="preserve">) </w:t>
      </w:r>
    </w:p>
    <w:p w14:paraId="3BB0C875" w14:textId="49EC6161" w:rsidR="67C5D71E" w:rsidRDefault="67C5D71E" w:rsidP="67C5D71E"/>
    <w:p w14:paraId="37551CE3" w14:textId="768F28B0" w:rsidR="6BCA6D52" w:rsidRDefault="6BCA6D52" w:rsidP="6BCA6D52">
      <w:pPr>
        <w:rPr>
          <w:rFonts w:ascii="Aptos" w:eastAsia="Aptos" w:hAnsi="Aptos" w:cs="Aptos"/>
        </w:rPr>
      </w:pPr>
    </w:p>
    <w:p w14:paraId="014E0166" w14:textId="2CD11C2B" w:rsidR="564E0E6C" w:rsidRDefault="564E0E6C" w:rsidP="203E67D7">
      <w:r>
        <w:lastRenderedPageBreak/>
        <w:t>Source:</w:t>
      </w:r>
    </w:p>
    <w:p w14:paraId="5E7E840B" w14:textId="451E61BA" w:rsidR="564E0E6C" w:rsidRDefault="3098B9E8" w:rsidP="203E67D7">
      <w:r>
        <w:t xml:space="preserve">Main file used: </w:t>
      </w:r>
      <w:hyperlink r:id="rId52">
        <w:r w:rsidR="564E0E6C" w:rsidRPr="67C5D71E">
          <w:rPr>
            <w:rStyle w:val="Hyperlink"/>
          </w:rPr>
          <w:t>https://cdn.ttgtmedia.com/rms/pdf/excerpt_ghidra_bookshelf.pdf</w:t>
        </w:r>
      </w:hyperlink>
      <w:r w:rsidR="564E0E6C">
        <w:t xml:space="preserve"> </w:t>
      </w:r>
    </w:p>
    <w:p w14:paraId="1FEE35D2" w14:textId="1D935A08" w:rsidR="59AF5280" w:rsidRDefault="59AF5280" w:rsidP="2D0C56E7">
      <w:pPr>
        <w:rPr>
          <w:rFonts w:ascii="Aptos" w:eastAsia="Aptos" w:hAnsi="Aptos" w:cs="Aptos"/>
        </w:rPr>
      </w:pPr>
      <w:hyperlink r:id="rId53">
        <w:r w:rsidRPr="2D0C56E7">
          <w:rPr>
            <w:rStyle w:val="Hyperlink"/>
            <w:rFonts w:ascii="Aptos" w:eastAsia="Aptos" w:hAnsi="Aptos" w:cs="Aptos"/>
          </w:rPr>
          <w:t>__</w:t>
        </w:r>
        <w:proofErr w:type="spellStart"/>
        <w:r w:rsidRPr="2D0C56E7">
          <w:rPr>
            <w:rStyle w:val="Hyperlink"/>
            <w:rFonts w:ascii="Aptos" w:eastAsia="Aptos" w:hAnsi="Aptos" w:cs="Aptos"/>
          </w:rPr>
          <w:t>security_init_cookie</w:t>
        </w:r>
        <w:proofErr w:type="spellEnd"/>
        <w:r w:rsidRPr="2D0C56E7">
          <w:rPr>
            <w:rStyle w:val="Hyperlink"/>
            <w:rFonts w:ascii="Aptos" w:eastAsia="Aptos" w:hAnsi="Aptos" w:cs="Aptos"/>
          </w:rPr>
          <w:t xml:space="preserve"> | Microsoft Learn</w:t>
        </w:r>
      </w:hyperlink>
    </w:p>
    <w:p w14:paraId="2C0AE7D6" w14:textId="7230B0E6" w:rsidR="564E0E6C" w:rsidRDefault="60A8AF1D" w:rsidP="203E67D7">
      <w:r>
        <w:t xml:space="preserve">Virus Total:  </w:t>
      </w:r>
      <w:hyperlink r:id="rId54">
        <w:r w:rsidR="564E0E6C" w:rsidRPr="67C5D71E">
          <w:rPr>
            <w:rStyle w:val="Hyperlink"/>
          </w:rPr>
          <w:t>https://www.virustotal.com/</w:t>
        </w:r>
      </w:hyperlink>
      <w:r w:rsidR="564E0E6C">
        <w:t xml:space="preserve"> </w:t>
      </w:r>
    </w:p>
    <w:p w14:paraId="2FDB2B82" w14:textId="5F08BE17" w:rsidR="0A8BF7CE" w:rsidRDefault="0A8BF7CE" w:rsidP="67C5D71E">
      <w:proofErr w:type="spellStart"/>
      <w:r>
        <w:t>Ghidra</w:t>
      </w:r>
      <w:proofErr w:type="spellEnd"/>
      <w:r>
        <w:t xml:space="preserve"> – used to get binary and in-depth decompiling  </w:t>
      </w:r>
    </w:p>
    <w:p w14:paraId="48B2728B" w14:textId="17057AD6" w:rsidR="0A8BF7CE" w:rsidRDefault="0A8BF7CE" w:rsidP="67C5D71E">
      <w:proofErr w:type="spellStart"/>
      <w:r>
        <w:t>WinDbg</w:t>
      </w:r>
      <w:proofErr w:type="spellEnd"/>
      <w:r>
        <w:t xml:space="preserve">- used for debugging and in-depth research of code  </w:t>
      </w:r>
    </w:p>
    <w:p w14:paraId="05795BE8" w14:textId="619DCE32" w:rsidR="0A8BF7CE" w:rsidRDefault="0A8BF7CE" w:rsidP="67C5D71E">
      <w:r>
        <w:t xml:space="preserve">Buffer Overflow Attack with Example - </w:t>
      </w:r>
      <w:proofErr w:type="spellStart"/>
      <w:r>
        <w:t>GeeksforGeeks</w:t>
      </w:r>
      <w:proofErr w:type="spellEnd"/>
      <w:r>
        <w:t xml:space="preserve">  </w:t>
      </w:r>
    </w:p>
    <w:p w14:paraId="47C509F0" w14:textId="13222DE4" w:rsidR="0A8BF7CE" w:rsidRDefault="0A8BF7CE" w:rsidP="67C5D71E">
      <w:r>
        <w:t xml:space="preserve"> Assembly Language- </w:t>
      </w:r>
      <w:hyperlink r:id="rId55">
        <w:r w:rsidRPr="67C5D71E">
          <w:rPr>
            <w:rStyle w:val="Hyperlink"/>
          </w:rPr>
          <w:t>https://godbolt.org/</w:t>
        </w:r>
      </w:hyperlink>
      <w:r>
        <w:t xml:space="preserve">   </w:t>
      </w:r>
    </w:p>
    <w:p w14:paraId="3448EE44" w14:textId="47A658B1" w:rsidR="0A8BF7CE" w:rsidRDefault="0A8BF7CE" w:rsidP="67C5D71E">
      <w:r>
        <w:t xml:space="preserve"> Malware code using a listener- </w:t>
      </w:r>
      <w:hyperlink r:id="rId56">
        <w:r w:rsidRPr="67C5D71E">
          <w:rPr>
            <w:rStyle w:val="Hyperlink"/>
          </w:rPr>
          <w:t>https://cocomelonc.github.io/tutorial/2021/09/18/malware-injection-1.html</w:t>
        </w:r>
      </w:hyperlink>
      <w:r>
        <w:t xml:space="preserve"> </w:t>
      </w:r>
    </w:p>
    <w:p w14:paraId="2E72A44D" w14:textId="20CA1F2C" w:rsidR="0A8BF7CE" w:rsidRDefault="0A8BF7CE" w:rsidP="67C5D71E">
      <w:r>
        <w:t xml:space="preserve"> </w:t>
      </w:r>
      <w:proofErr w:type="spellStart"/>
      <w:r>
        <w:t>WinDbg</w:t>
      </w:r>
      <w:proofErr w:type="spellEnd"/>
      <w:r>
        <w:t xml:space="preserve"> how to use - </w:t>
      </w:r>
      <w:hyperlink r:id="rId57">
        <w:r w:rsidRPr="67C5D71E">
          <w:rPr>
            <w:rStyle w:val="Hyperlink"/>
          </w:rPr>
          <w:t>https://learn.microsoft.com/en-us/windows-hardware/drivers/debugger/getting-started-with-windbg</w:t>
        </w:r>
      </w:hyperlink>
      <w:r>
        <w:t xml:space="preserve">   </w:t>
      </w:r>
    </w:p>
    <w:p w14:paraId="7B328F8B" w14:textId="176F5578" w:rsidR="0A8BF7CE" w:rsidRDefault="0A8BF7CE" w:rsidP="67C5D71E">
      <w:r>
        <w:t xml:space="preserve">212 Project- </w:t>
      </w:r>
      <w:hyperlink r:id="rId58">
        <w:r w:rsidRPr="67C5D71E">
          <w:rPr>
            <w:rStyle w:val="Hyperlink"/>
          </w:rPr>
          <w:t>https://drive.google.com/file/d/1ZU_4qqZunyZ5OK_uHgXP47bR4l2SWbhU/view?usp=sharing</w:t>
        </w:r>
      </w:hyperlink>
      <w:r>
        <w:t xml:space="preserve"> </w:t>
      </w:r>
    </w:p>
    <w:p w14:paraId="1F2647C3" w14:textId="28C3D848" w:rsidR="47A20672" w:rsidRDefault="47A20672" w:rsidP="67C5D71E">
      <w:pPr>
        <w:rPr>
          <w:rFonts w:ascii="Aptos" w:eastAsia="Aptos" w:hAnsi="Aptos" w:cs="Aptos"/>
        </w:rPr>
      </w:pPr>
      <w:hyperlink r:id="rId59">
        <w:r w:rsidRPr="67C5D71E">
          <w:rPr>
            <w:rStyle w:val="Hyperlink"/>
            <w:rFonts w:ascii="Aptos" w:eastAsia="Aptos" w:hAnsi="Aptos" w:cs="Aptos"/>
          </w:rPr>
          <w:t>Lectures (ligerlabs.org)</w:t>
        </w:r>
      </w:hyperlink>
    </w:p>
    <w:p w14:paraId="3EF46EA4" w14:textId="463282BD" w:rsidR="67C5D71E" w:rsidRDefault="67C5D71E" w:rsidP="67C5D71E"/>
    <w:p w14:paraId="640750EF" w14:textId="737E7ADD" w:rsidR="2D0C56E7" w:rsidRDefault="2D0C56E7" w:rsidP="2D0C56E7"/>
    <w:p w14:paraId="72EAEA9C" w14:textId="0287FA40" w:rsidR="203E67D7" w:rsidRDefault="203E67D7" w:rsidP="203E67D7"/>
    <w:sectPr w:rsidR="203E67D7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intelligence2.xml><?xml version="1.0" encoding="utf-8"?>
<int2:intelligence xmlns:int2="http://schemas.microsoft.com/office/intelligence/2020/intelligence" xmlns:oel="http://schemas.microsoft.com/office/2019/extlst">
  <int2:observations>
    <int2:bookmark int2:bookmarkName="_Int_Azblh16s" int2:invalidationBookmarkName="" int2:hashCode="e0dMsLOcF3PXGS" int2:id="qjkwnnE1">
      <int2:state int2:value="Rejected" int2:type="AugLoop_Text_Critique"/>
    </int2:bookmark>
  </int2:observations>
  <int2:intelligenceSettings/>
  <int2:onDemandWorkflows/>
</int2:intelligence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1A997A8"/>
    <w:multiLevelType w:val="hybridMultilevel"/>
    <w:tmpl w:val="817AA23C"/>
    <w:lvl w:ilvl="0" w:tplc="6B6EBE1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3504C34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C6AADE10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84A94AE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2A4BC2A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3ACAC92E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6622A22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E3875B4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86ECD86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60D0D0A"/>
    <w:multiLevelType w:val="hybridMultilevel"/>
    <w:tmpl w:val="942E12B4"/>
    <w:lvl w:ilvl="0" w:tplc="E158A8F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592495C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A918A596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E7E5B78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254B8E4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B3D6AFFC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EAC0B72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648149C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235CF6FC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22347137"/>
    <w:multiLevelType w:val="hybridMultilevel"/>
    <w:tmpl w:val="4C36099C"/>
    <w:lvl w:ilvl="0" w:tplc="17C6769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588F6EC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3D26580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490C916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9E1924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EA6CF6DA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2DC7748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A0CFCF4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CF962746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23304AE0"/>
    <w:multiLevelType w:val="hybridMultilevel"/>
    <w:tmpl w:val="BD2CD19E"/>
    <w:lvl w:ilvl="0" w:tplc="3D402CA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5363BFE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DB201C44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66E3E1E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F44930C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B560C652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EB2B7AE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D4CFC96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D30E359E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56EC37E"/>
    <w:multiLevelType w:val="hybridMultilevel"/>
    <w:tmpl w:val="CF3493D8"/>
    <w:lvl w:ilvl="0" w:tplc="5678B91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7B08808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1E8A19B4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B52E71A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7FCA488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90300E8E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3EA88E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6D069A6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66CC0726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9EC830F"/>
    <w:multiLevelType w:val="hybridMultilevel"/>
    <w:tmpl w:val="44549E3C"/>
    <w:lvl w:ilvl="0" w:tplc="F612968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4402804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899A7484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9F05F82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86AEE70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E834D6DC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F36299A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218F42C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160222E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007667C"/>
    <w:multiLevelType w:val="hybridMultilevel"/>
    <w:tmpl w:val="A44097B4"/>
    <w:lvl w:ilvl="0" w:tplc="71568A1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6DA9D7A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FF806A70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E28D612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72AD7A8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EDAEB1A4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BBEC46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686A766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9AC855B4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421CC0A8"/>
    <w:multiLevelType w:val="hybridMultilevel"/>
    <w:tmpl w:val="EFF89126"/>
    <w:lvl w:ilvl="0" w:tplc="C5DAC428">
      <w:start w:val="1"/>
      <w:numFmt w:val="decimal"/>
      <w:lvlText w:val="%1."/>
      <w:lvlJc w:val="left"/>
      <w:pPr>
        <w:ind w:left="720" w:hanging="360"/>
      </w:pPr>
    </w:lvl>
    <w:lvl w:ilvl="1" w:tplc="AE7EA8F6">
      <w:start w:val="1"/>
      <w:numFmt w:val="lowerLetter"/>
      <w:lvlText w:val="%2."/>
      <w:lvlJc w:val="left"/>
      <w:pPr>
        <w:ind w:left="1440" w:hanging="360"/>
      </w:pPr>
    </w:lvl>
    <w:lvl w:ilvl="2" w:tplc="65665252">
      <w:start w:val="1"/>
      <w:numFmt w:val="lowerRoman"/>
      <w:lvlText w:val="%3."/>
      <w:lvlJc w:val="right"/>
      <w:pPr>
        <w:ind w:left="2160" w:hanging="180"/>
      </w:pPr>
    </w:lvl>
    <w:lvl w:ilvl="3" w:tplc="83782212">
      <w:start w:val="1"/>
      <w:numFmt w:val="decimal"/>
      <w:lvlText w:val="%4."/>
      <w:lvlJc w:val="left"/>
      <w:pPr>
        <w:ind w:left="2880" w:hanging="360"/>
      </w:pPr>
    </w:lvl>
    <w:lvl w:ilvl="4" w:tplc="7D76B006">
      <w:start w:val="1"/>
      <w:numFmt w:val="lowerLetter"/>
      <w:lvlText w:val="%5."/>
      <w:lvlJc w:val="left"/>
      <w:pPr>
        <w:ind w:left="3600" w:hanging="360"/>
      </w:pPr>
    </w:lvl>
    <w:lvl w:ilvl="5" w:tplc="506CD448">
      <w:start w:val="1"/>
      <w:numFmt w:val="lowerRoman"/>
      <w:lvlText w:val="%6."/>
      <w:lvlJc w:val="right"/>
      <w:pPr>
        <w:ind w:left="4320" w:hanging="180"/>
      </w:pPr>
    </w:lvl>
    <w:lvl w:ilvl="6" w:tplc="7EAE45FE">
      <w:start w:val="1"/>
      <w:numFmt w:val="decimal"/>
      <w:lvlText w:val="%7."/>
      <w:lvlJc w:val="left"/>
      <w:pPr>
        <w:ind w:left="5040" w:hanging="360"/>
      </w:pPr>
    </w:lvl>
    <w:lvl w:ilvl="7" w:tplc="A6DCD8BC">
      <w:start w:val="1"/>
      <w:numFmt w:val="lowerLetter"/>
      <w:lvlText w:val="%8."/>
      <w:lvlJc w:val="left"/>
      <w:pPr>
        <w:ind w:left="5760" w:hanging="360"/>
      </w:pPr>
    </w:lvl>
    <w:lvl w:ilvl="8" w:tplc="272E88DE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4B891D89"/>
    <w:multiLevelType w:val="hybridMultilevel"/>
    <w:tmpl w:val="13586272"/>
    <w:lvl w:ilvl="0" w:tplc="11CC321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CD80A60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42485120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36641E6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F32B852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BA0277FE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658EB80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CE46272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1BBA23FE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71A4601E"/>
    <w:multiLevelType w:val="hybridMultilevel"/>
    <w:tmpl w:val="4FFA9876"/>
    <w:lvl w:ilvl="0" w:tplc="8A48656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AA4AC2C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C4EE937A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87685EA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4423D36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BE2ACC5A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EC03ADC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1FC5B0C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2F900F2A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7F781BD6"/>
    <w:multiLevelType w:val="hybridMultilevel"/>
    <w:tmpl w:val="16261610"/>
    <w:lvl w:ilvl="0" w:tplc="B12C7F2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06821B8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E31EBBAC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FD09CE4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6F6287A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530A2AAE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374186A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B4218BC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4CB05B16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803232998">
    <w:abstractNumId w:val="7"/>
  </w:num>
  <w:num w:numId="2" w16cid:durableId="1726224097">
    <w:abstractNumId w:val="8"/>
  </w:num>
  <w:num w:numId="3" w16cid:durableId="170684849">
    <w:abstractNumId w:val="6"/>
  </w:num>
  <w:num w:numId="4" w16cid:durableId="1703824959">
    <w:abstractNumId w:val="0"/>
  </w:num>
  <w:num w:numId="5" w16cid:durableId="576330841">
    <w:abstractNumId w:val="5"/>
  </w:num>
  <w:num w:numId="6" w16cid:durableId="399451154">
    <w:abstractNumId w:val="1"/>
  </w:num>
  <w:num w:numId="7" w16cid:durableId="261112964">
    <w:abstractNumId w:val="10"/>
  </w:num>
  <w:num w:numId="8" w16cid:durableId="1976982115">
    <w:abstractNumId w:val="4"/>
  </w:num>
  <w:num w:numId="9" w16cid:durableId="1518302381">
    <w:abstractNumId w:val="9"/>
  </w:num>
  <w:num w:numId="10" w16cid:durableId="1079667568">
    <w:abstractNumId w:val="3"/>
  </w:num>
  <w:num w:numId="11" w16cid:durableId="846602479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11237AE7"/>
    <w:rsid w:val="002B7F57"/>
    <w:rsid w:val="00460B37"/>
    <w:rsid w:val="00CB45B9"/>
    <w:rsid w:val="010A253D"/>
    <w:rsid w:val="011D56EE"/>
    <w:rsid w:val="0146B354"/>
    <w:rsid w:val="014E6949"/>
    <w:rsid w:val="016A6D39"/>
    <w:rsid w:val="01B6DDB0"/>
    <w:rsid w:val="01EA1419"/>
    <w:rsid w:val="02D11733"/>
    <w:rsid w:val="02DEA94E"/>
    <w:rsid w:val="03A4336E"/>
    <w:rsid w:val="03C9488E"/>
    <w:rsid w:val="041DC6BC"/>
    <w:rsid w:val="042C13F2"/>
    <w:rsid w:val="042E31AF"/>
    <w:rsid w:val="04515525"/>
    <w:rsid w:val="0492037F"/>
    <w:rsid w:val="051F6354"/>
    <w:rsid w:val="05E87499"/>
    <w:rsid w:val="060CF40E"/>
    <w:rsid w:val="06B7EFF3"/>
    <w:rsid w:val="0712BAE3"/>
    <w:rsid w:val="07D75321"/>
    <w:rsid w:val="07FDC4A4"/>
    <w:rsid w:val="07FE9050"/>
    <w:rsid w:val="080CF6D7"/>
    <w:rsid w:val="08195091"/>
    <w:rsid w:val="0856D1FA"/>
    <w:rsid w:val="0885FD18"/>
    <w:rsid w:val="08BE6258"/>
    <w:rsid w:val="08CB3279"/>
    <w:rsid w:val="08CB7877"/>
    <w:rsid w:val="093DC901"/>
    <w:rsid w:val="096574A2"/>
    <w:rsid w:val="09757F1E"/>
    <w:rsid w:val="09BF0669"/>
    <w:rsid w:val="09E2DC44"/>
    <w:rsid w:val="0A51ACDE"/>
    <w:rsid w:val="0A8BF7CE"/>
    <w:rsid w:val="0AB63336"/>
    <w:rsid w:val="0AC3C588"/>
    <w:rsid w:val="0ADD0DFD"/>
    <w:rsid w:val="0B07E55B"/>
    <w:rsid w:val="0B114F7F"/>
    <w:rsid w:val="0BB4BBE3"/>
    <w:rsid w:val="0BC6B59E"/>
    <w:rsid w:val="0C06D147"/>
    <w:rsid w:val="0C2D4432"/>
    <w:rsid w:val="0C38EE05"/>
    <w:rsid w:val="0C3EC1DC"/>
    <w:rsid w:val="0C7462E2"/>
    <w:rsid w:val="0C83ED07"/>
    <w:rsid w:val="0CC3DC01"/>
    <w:rsid w:val="0CF0AF61"/>
    <w:rsid w:val="0D26CE99"/>
    <w:rsid w:val="0D2CB095"/>
    <w:rsid w:val="0D843E67"/>
    <w:rsid w:val="0D998D20"/>
    <w:rsid w:val="0DDA7E1C"/>
    <w:rsid w:val="0E5CC879"/>
    <w:rsid w:val="0E5FAC62"/>
    <w:rsid w:val="0EBC150D"/>
    <w:rsid w:val="0F05409A"/>
    <w:rsid w:val="0F1737E9"/>
    <w:rsid w:val="0F32A201"/>
    <w:rsid w:val="0F571D6C"/>
    <w:rsid w:val="0F74B42A"/>
    <w:rsid w:val="0FB0ACD4"/>
    <w:rsid w:val="1018EF0C"/>
    <w:rsid w:val="101E4149"/>
    <w:rsid w:val="10372A9B"/>
    <w:rsid w:val="10399F4D"/>
    <w:rsid w:val="10A2401A"/>
    <w:rsid w:val="10B71BB6"/>
    <w:rsid w:val="10D5C10E"/>
    <w:rsid w:val="10D97F47"/>
    <w:rsid w:val="10E44709"/>
    <w:rsid w:val="1104CDC7"/>
    <w:rsid w:val="11237AE7"/>
    <w:rsid w:val="11A2C47C"/>
    <w:rsid w:val="11C5A421"/>
    <w:rsid w:val="1201022C"/>
    <w:rsid w:val="1271D370"/>
    <w:rsid w:val="1286CBC2"/>
    <w:rsid w:val="12A48651"/>
    <w:rsid w:val="12C47050"/>
    <w:rsid w:val="132E5ACA"/>
    <w:rsid w:val="1349307D"/>
    <w:rsid w:val="1351D75F"/>
    <w:rsid w:val="13AB4FC3"/>
    <w:rsid w:val="13B15D8F"/>
    <w:rsid w:val="142656EF"/>
    <w:rsid w:val="143FF0DD"/>
    <w:rsid w:val="14500740"/>
    <w:rsid w:val="147748C4"/>
    <w:rsid w:val="148DA407"/>
    <w:rsid w:val="149F67DF"/>
    <w:rsid w:val="14E2D5CF"/>
    <w:rsid w:val="156471C3"/>
    <w:rsid w:val="15CE6442"/>
    <w:rsid w:val="162ACF4D"/>
    <w:rsid w:val="16582C47"/>
    <w:rsid w:val="16F6E69F"/>
    <w:rsid w:val="17EDF5E3"/>
    <w:rsid w:val="17F4FC8B"/>
    <w:rsid w:val="17FAFF8D"/>
    <w:rsid w:val="18BA32CD"/>
    <w:rsid w:val="18D13976"/>
    <w:rsid w:val="18F76DB2"/>
    <w:rsid w:val="191D1621"/>
    <w:rsid w:val="19488647"/>
    <w:rsid w:val="195B4CD2"/>
    <w:rsid w:val="1962D4B6"/>
    <w:rsid w:val="19D70D5E"/>
    <w:rsid w:val="1A39C1CE"/>
    <w:rsid w:val="1A3F78FC"/>
    <w:rsid w:val="1A47AFBE"/>
    <w:rsid w:val="1AAF9836"/>
    <w:rsid w:val="1ADC32A5"/>
    <w:rsid w:val="1AF31630"/>
    <w:rsid w:val="1B2814A5"/>
    <w:rsid w:val="1B4CFCDF"/>
    <w:rsid w:val="1BCE2DF6"/>
    <w:rsid w:val="1BE4BAB0"/>
    <w:rsid w:val="1CB91E3F"/>
    <w:rsid w:val="1CC0D76E"/>
    <w:rsid w:val="1CD6EA66"/>
    <w:rsid w:val="1CD88ABC"/>
    <w:rsid w:val="1D31AFB3"/>
    <w:rsid w:val="1E6FF144"/>
    <w:rsid w:val="1E82DA3A"/>
    <w:rsid w:val="1E92A280"/>
    <w:rsid w:val="1EABD3F7"/>
    <w:rsid w:val="1EAF4044"/>
    <w:rsid w:val="1F891F08"/>
    <w:rsid w:val="1FD6AC06"/>
    <w:rsid w:val="201C6317"/>
    <w:rsid w:val="203E67D7"/>
    <w:rsid w:val="20466173"/>
    <w:rsid w:val="204EA62B"/>
    <w:rsid w:val="205C6BFF"/>
    <w:rsid w:val="20E9573A"/>
    <w:rsid w:val="20F8D83A"/>
    <w:rsid w:val="214DC3D9"/>
    <w:rsid w:val="21FB555A"/>
    <w:rsid w:val="22233370"/>
    <w:rsid w:val="222BBAC9"/>
    <w:rsid w:val="226FAD43"/>
    <w:rsid w:val="231F181D"/>
    <w:rsid w:val="2356CB6F"/>
    <w:rsid w:val="23624FCF"/>
    <w:rsid w:val="23A4F22C"/>
    <w:rsid w:val="23A7CFDA"/>
    <w:rsid w:val="248B6489"/>
    <w:rsid w:val="24BA7E9A"/>
    <w:rsid w:val="2517DFD2"/>
    <w:rsid w:val="26434603"/>
    <w:rsid w:val="266FFDF9"/>
    <w:rsid w:val="267ACE7D"/>
    <w:rsid w:val="268C3333"/>
    <w:rsid w:val="26A466A2"/>
    <w:rsid w:val="270101D5"/>
    <w:rsid w:val="2828E9E4"/>
    <w:rsid w:val="2911D75D"/>
    <w:rsid w:val="292A4D33"/>
    <w:rsid w:val="2949A501"/>
    <w:rsid w:val="29612CB5"/>
    <w:rsid w:val="298DAAA6"/>
    <w:rsid w:val="29B56D6E"/>
    <w:rsid w:val="29BE912D"/>
    <w:rsid w:val="29CA0C82"/>
    <w:rsid w:val="29E41213"/>
    <w:rsid w:val="2A3F0FE2"/>
    <w:rsid w:val="2A70B92A"/>
    <w:rsid w:val="2AAC93A3"/>
    <w:rsid w:val="2AE9BE6E"/>
    <w:rsid w:val="2AFCFD16"/>
    <w:rsid w:val="2B04D794"/>
    <w:rsid w:val="2B16B726"/>
    <w:rsid w:val="2B441181"/>
    <w:rsid w:val="2B4ACBB8"/>
    <w:rsid w:val="2B505A25"/>
    <w:rsid w:val="2C0889FC"/>
    <w:rsid w:val="2C0DDDB5"/>
    <w:rsid w:val="2C62494A"/>
    <w:rsid w:val="2C95FA93"/>
    <w:rsid w:val="2C98CD77"/>
    <w:rsid w:val="2CB0FEE4"/>
    <w:rsid w:val="2D0AC7B6"/>
    <w:rsid w:val="2D0C56E7"/>
    <w:rsid w:val="2D0DF142"/>
    <w:rsid w:val="2D20516C"/>
    <w:rsid w:val="2D8E2B32"/>
    <w:rsid w:val="2DAD92CA"/>
    <w:rsid w:val="2DD37CF6"/>
    <w:rsid w:val="2DD782D7"/>
    <w:rsid w:val="2DE2DA0A"/>
    <w:rsid w:val="2EBDF795"/>
    <w:rsid w:val="2EECA6EA"/>
    <w:rsid w:val="2F16A11C"/>
    <w:rsid w:val="2F6F4D57"/>
    <w:rsid w:val="2FB37C9E"/>
    <w:rsid w:val="2FBE3E74"/>
    <w:rsid w:val="308E24E2"/>
    <w:rsid w:val="3098B9E8"/>
    <w:rsid w:val="30C26FF3"/>
    <w:rsid w:val="310B1DB8"/>
    <w:rsid w:val="31146EF0"/>
    <w:rsid w:val="317241EA"/>
    <w:rsid w:val="31A0C217"/>
    <w:rsid w:val="31B6A3CD"/>
    <w:rsid w:val="31CA5B92"/>
    <w:rsid w:val="31DC94DC"/>
    <w:rsid w:val="3209737A"/>
    <w:rsid w:val="32FD9896"/>
    <w:rsid w:val="33A80B59"/>
    <w:rsid w:val="33D104AA"/>
    <w:rsid w:val="33E02876"/>
    <w:rsid w:val="3402DC73"/>
    <w:rsid w:val="342F05B8"/>
    <w:rsid w:val="3435F40C"/>
    <w:rsid w:val="343B7E78"/>
    <w:rsid w:val="3455C655"/>
    <w:rsid w:val="345B636F"/>
    <w:rsid w:val="349B0C2B"/>
    <w:rsid w:val="34FA6215"/>
    <w:rsid w:val="353B316E"/>
    <w:rsid w:val="362DF2CC"/>
    <w:rsid w:val="363CB9B0"/>
    <w:rsid w:val="3674333A"/>
    <w:rsid w:val="367AD10D"/>
    <w:rsid w:val="367C5B56"/>
    <w:rsid w:val="368618E1"/>
    <w:rsid w:val="368B9DEF"/>
    <w:rsid w:val="37339949"/>
    <w:rsid w:val="37415A5F"/>
    <w:rsid w:val="3825E551"/>
    <w:rsid w:val="3827FEF1"/>
    <w:rsid w:val="3837AE5D"/>
    <w:rsid w:val="386F4644"/>
    <w:rsid w:val="38BF633B"/>
    <w:rsid w:val="39752BF2"/>
    <w:rsid w:val="397E26BF"/>
    <w:rsid w:val="397FD11B"/>
    <w:rsid w:val="39FD02FC"/>
    <w:rsid w:val="39FD7D69"/>
    <w:rsid w:val="3A00E1AD"/>
    <w:rsid w:val="3A179C50"/>
    <w:rsid w:val="3A2B6EC0"/>
    <w:rsid w:val="3A333AE4"/>
    <w:rsid w:val="3A5C09F0"/>
    <w:rsid w:val="3A67BE8D"/>
    <w:rsid w:val="3A6DB497"/>
    <w:rsid w:val="3AC6613D"/>
    <w:rsid w:val="3AEB4AF6"/>
    <w:rsid w:val="3B4BE8B0"/>
    <w:rsid w:val="3BC7DDCA"/>
    <w:rsid w:val="3BE5647F"/>
    <w:rsid w:val="3C7DDF9C"/>
    <w:rsid w:val="3CF0B29E"/>
    <w:rsid w:val="3D19F89D"/>
    <w:rsid w:val="3D44628A"/>
    <w:rsid w:val="3D4BF025"/>
    <w:rsid w:val="3D72CE6C"/>
    <w:rsid w:val="3D8800AF"/>
    <w:rsid w:val="3DDE7E4E"/>
    <w:rsid w:val="3E5A75F4"/>
    <w:rsid w:val="3EE56669"/>
    <w:rsid w:val="3EF25C6A"/>
    <w:rsid w:val="3F2C54D0"/>
    <w:rsid w:val="3F3A9135"/>
    <w:rsid w:val="3F54BB5E"/>
    <w:rsid w:val="3F9EBFFA"/>
    <w:rsid w:val="3FA2B910"/>
    <w:rsid w:val="3FEC6669"/>
    <w:rsid w:val="402A71AC"/>
    <w:rsid w:val="40657B52"/>
    <w:rsid w:val="406A9C0C"/>
    <w:rsid w:val="40E0F22A"/>
    <w:rsid w:val="40EE5985"/>
    <w:rsid w:val="41345826"/>
    <w:rsid w:val="414B3CEB"/>
    <w:rsid w:val="41AEE32B"/>
    <w:rsid w:val="41B2FE7F"/>
    <w:rsid w:val="41CD1F21"/>
    <w:rsid w:val="41E9D895"/>
    <w:rsid w:val="421021EF"/>
    <w:rsid w:val="421C21F6"/>
    <w:rsid w:val="421EFC45"/>
    <w:rsid w:val="42C08A8A"/>
    <w:rsid w:val="42D4F5DD"/>
    <w:rsid w:val="430AA0E5"/>
    <w:rsid w:val="43234D67"/>
    <w:rsid w:val="432ED828"/>
    <w:rsid w:val="434D7978"/>
    <w:rsid w:val="44120D62"/>
    <w:rsid w:val="447BB0CB"/>
    <w:rsid w:val="4486A949"/>
    <w:rsid w:val="44AEB204"/>
    <w:rsid w:val="451D41F9"/>
    <w:rsid w:val="454ABFBF"/>
    <w:rsid w:val="4564E177"/>
    <w:rsid w:val="45AE57CC"/>
    <w:rsid w:val="45E03095"/>
    <w:rsid w:val="46013E4A"/>
    <w:rsid w:val="46CA37A1"/>
    <w:rsid w:val="471926E5"/>
    <w:rsid w:val="47A20672"/>
    <w:rsid w:val="490C1D75"/>
    <w:rsid w:val="491259C5"/>
    <w:rsid w:val="496B1958"/>
    <w:rsid w:val="49CB608B"/>
    <w:rsid w:val="4A12171B"/>
    <w:rsid w:val="4A5D0EB0"/>
    <w:rsid w:val="4A67E101"/>
    <w:rsid w:val="4A93135A"/>
    <w:rsid w:val="4A9A8E08"/>
    <w:rsid w:val="4AD33255"/>
    <w:rsid w:val="4B66C6D4"/>
    <w:rsid w:val="4BD8221D"/>
    <w:rsid w:val="4BF7D9AF"/>
    <w:rsid w:val="4C04CD3D"/>
    <w:rsid w:val="4C74D42B"/>
    <w:rsid w:val="4CC72D5A"/>
    <w:rsid w:val="4D6806D1"/>
    <w:rsid w:val="4D6C4A56"/>
    <w:rsid w:val="4DA04154"/>
    <w:rsid w:val="4DA8E76A"/>
    <w:rsid w:val="4DE9A3ED"/>
    <w:rsid w:val="4DF91E13"/>
    <w:rsid w:val="4E0AD317"/>
    <w:rsid w:val="4E3FA5DF"/>
    <w:rsid w:val="4EF3A0AC"/>
    <w:rsid w:val="4F0A5134"/>
    <w:rsid w:val="4F3CB421"/>
    <w:rsid w:val="4F4D3825"/>
    <w:rsid w:val="4FDA5ADC"/>
    <w:rsid w:val="4FFF7F85"/>
    <w:rsid w:val="50171F26"/>
    <w:rsid w:val="504D0F4D"/>
    <w:rsid w:val="50552269"/>
    <w:rsid w:val="505ED89C"/>
    <w:rsid w:val="507FCDC9"/>
    <w:rsid w:val="508ED476"/>
    <w:rsid w:val="511A5645"/>
    <w:rsid w:val="51470439"/>
    <w:rsid w:val="515B8E34"/>
    <w:rsid w:val="515D02E0"/>
    <w:rsid w:val="51A99402"/>
    <w:rsid w:val="51AF7FF5"/>
    <w:rsid w:val="51F8476D"/>
    <w:rsid w:val="52086D57"/>
    <w:rsid w:val="5267CFA2"/>
    <w:rsid w:val="52BF9F97"/>
    <w:rsid w:val="52DDB58A"/>
    <w:rsid w:val="52EC2159"/>
    <w:rsid w:val="53D13FE7"/>
    <w:rsid w:val="53F55F57"/>
    <w:rsid w:val="54984CBA"/>
    <w:rsid w:val="5574AE57"/>
    <w:rsid w:val="55B28467"/>
    <w:rsid w:val="560BF274"/>
    <w:rsid w:val="5628F747"/>
    <w:rsid w:val="562A0DEF"/>
    <w:rsid w:val="564E0E6C"/>
    <w:rsid w:val="56E62606"/>
    <w:rsid w:val="573B40C5"/>
    <w:rsid w:val="574A824B"/>
    <w:rsid w:val="576283FC"/>
    <w:rsid w:val="57896F83"/>
    <w:rsid w:val="579C2B47"/>
    <w:rsid w:val="57D5B9EE"/>
    <w:rsid w:val="57F91252"/>
    <w:rsid w:val="5818D586"/>
    <w:rsid w:val="581E5BAF"/>
    <w:rsid w:val="58408127"/>
    <w:rsid w:val="58429449"/>
    <w:rsid w:val="585F600C"/>
    <w:rsid w:val="5864A20E"/>
    <w:rsid w:val="58A37706"/>
    <w:rsid w:val="590F5532"/>
    <w:rsid w:val="596814C5"/>
    <w:rsid w:val="59AE0520"/>
    <w:rsid w:val="59AF5280"/>
    <w:rsid w:val="59B4A5E7"/>
    <w:rsid w:val="59C07001"/>
    <w:rsid w:val="5A1FE9B3"/>
    <w:rsid w:val="5A721160"/>
    <w:rsid w:val="5A72E187"/>
    <w:rsid w:val="5AB1C45F"/>
    <w:rsid w:val="5C08F758"/>
    <w:rsid w:val="5C3627B0"/>
    <w:rsid w:val="5C77AF9B"/>
    <w:rsid w:val="5CE03E15"/>
    <w:rsid w:val="5D24E7A5"/>
    <w:rsid w:val="5D5744E0"/>
    <w:rsid w:val="5DC45E25"/>
    <w:rsid w:val="5E14FD32"/>
    <w:rsid w:val="5E1D5272"/>
    <w:rsid w:val="5E57C712"/>
    <w:rsid w:val="5E67D587"/>
    <w:rsid w:val="5E7A4FF8"/>
    <w:rsid w:val="5E989434"/>
    <w:rsid w:val="5EA9AE08"/>
    <w:rsid w:val="5EAB601D"/>
    <w:rsid w:val="5EABDED0"/>
    <w:rsid w:val="5EF35AD6"/>
    <w:rsid w:val="5EF94DCE"/>
    <w:rsid w:val="5FE53586"/>
    <w:rsid w:val="5FECA37E"/>
    <w:rsid w:val="5FFA9754"/>
    <w:rsid w:val="601C089C"/>
    <w:rsid w:val="6022D49E"/>
    <w:rsid w:val="607DBDD2"/>
    <w:rsid w:val="60A8AF1D"/>
    <w:rsid w:val="60A93988"/>
    <w:rsid w:val="60B1B40E"/>
    <w:rsid w:val="60DC3956"/>
    <w:rsid w:val="6121406A"/>
    <w:rsid w:val="616711A3"/>
    <w:rsid w:val="61A98E50"/>
    <w:rsid w:val="6201EF58"/>
    <w:rsid w:val="620EB88C"/>
    <w:rsid w:val="6214BB33"/>
    <w:rsid w:val="62501789"/>
    <w:rsid w:val="62B63D46"/>
    <w:rsid w:val="62DE5BD9"/>
    <w:rsid w:val="6358336D"/>
    <w:rsid w:val="636375B3"/>
    <w:rsid w:val="637EDC3A"/>
    <w:rsid w:val="63E4223B"/>
    <w:rsid w:val="640C2F88"/>
    <w:rsid w:val="641D3A2A"/>
    <w:rsid w:val="64843EB6"/>
    <w:rsid w:val="656E3DB9"/>
    <w:rsid w:val="65A88E13"/>
    <w:rsid w:val="65A8FC5B"/>
    <w:rsid w:val="66327549"/>
    <w:rsid w:val="6685B647"/>
    <w:rsid w:val="6712B0FE"/>
    <w:rsid w:val="6743D04A"/>
    <w:rsid w:val="67526F0A"/>
    <w:rsid w:val="6752AEF5"/>
    <w:rsid w:val="67C5D71E"/>
    <w:rsid w:val="67D49CDA"/>
    <w:rsid w:val="6815984B"/>
    <w:rsid w:val="68215542"/>
    <w:rsid w:val="68754056"/>
    <w:rsid w:val="6888FC5F"/>
    <w:rsid w:val="68937E86"/>
    <w:rsid w:val="69176355"/>
    <w:rsid w:val="694CF26B"/>
    <w:rsid w:val="69A868F2"/>
    <w:rsid w:val="69BD5709"/>
    <w:rsid w:val="69FA6E1D"/>
    <w:rsid w:val="6A47D439"/>
    <w:rsid w:val="6AF7476C"/>
    <w:rsid w:val="6B313FCB"/>
    <w:rsid w:val="6B6E8798"/>
    <w:rsid w:val="6B94316A"/>
    <w:rsid w:val="6BA17D95"/>
    <w:rsid w:val="6BA7B8D9"/>
    <w:rsid w:val="6BC48A69"/>
    <w:rsid w:val="6BC75229"/>
    <w:rsid w:val="6BCA4336"/>
    <w:rsid w:val="6BCA6D52"/>
    <w:rsid w:val="6C1DE1B1"/>
    <w:rsid w:val="6C650744"/>
    <w:rsid w:val="6C96BDA2"/>
    <w:rsid w:val="6CB65EEA"/>
    <w:rsid w:val="6CBB7FCD"/>
    <w:rsid w:val="6D121E4F"/>
    <w:rsid w:val="6D66EFA9"/>
    <w:rsid w:val="6DC6E244"/>
    <w:rsid w:val="6DEBA7EA"/>
    <w:rsid w:val="6E14BB26"/>
    <w:rsid w:val="6E237611"/>
    <w:rsid w:val="6E3EFA2F"/>
    <w:rsid w:val="6E5E15DE"/>
    <w:rsid w:val="6E68E08D"/>
    <w:rsid w:val="6E6A076B"/>
    <w:rsid w:val="6E71AFEA"/>
    <w:rsid w:val="6E7C2EAF"/>
    <w:rsid w:val="6EA6AB7A"/>
    <w:rsid w:val="6F641345"/>
    <w:rsid w:val="6FB08B87"/>
    <w:rsid w:val="703C6A69"/>
    <w:rsid w:val="703EA1E0"/>
    <w:rsid w:val="7073441D"/>
    <w:rsid w:val="70829715"/>
    <w:rsid w:val="71592F9C"/>
    <w:rsid w:val="7175075A"/>
    <w:rsid w:val="71B7F03A"/>
    <w:rsid w:val="71BA2BC2"/>
    <w:rsid w:val="71F407C2"/>
    <w:rsid w:val="722DE88D"/>
    <w:rsid w:val="723D5C54"/>
    <w:rsid w:val="72469A29"/>
    <w:rsid w:val="72A0F0AC"/>
    <w:rsid w:val="72D821CD"/>
    <w:rsid w:val="73646761"/>
    <w:rsid w:val="73BBD109"/>
    <w:rsid w:val="73E51862"/>
    <w:rsid w:val="741EACC0"/>
    <w:rsid w:val="746988BA"/>
    <w:rsid w:val="7486F6CD"/>
    <w:rsid w:val="74E2C513"/>
    <w:rsid w:val="750037C2"/>
    <w:rsid w:val="751569DE"/>
    <w:rsid w:val="751DC0D5"/>
    <w:rsid w:val="75467787"/>
    <w:rsid w:val="7557A16A"/>
    <w:rsid w:val="7560900C"/>
    <w:rsid w:val="75E816EE"/>
    <w:rsid w:val="75FA6617"/>
    <w:rsid w:val="762C5DDE"/>
    <w:rsid w:val="763C00BE"/>
    <w:rsid w:val="765F32C6"/>
    <w:rsid w:val="7674B9B8"/>
    <w:rsid w:val="76D1C4A5"/>
    <w:rsid w:val="7715BF75"/>
    <w:rsid w:val="77569C9D"/>
    <w:rsid w:val="7767B565"/>
    <w:rsid w:val="77CB26BC"/>
    <w:rsid w:val="78097CBD"/>
    <w:rsid w:val="78165B8E"/>
    <w:rsid w:val="78B80D93"/>
    <w:rsid w:val="78BE5451"/>
    <w:rsid w:val="78C65682"/>
    <w:rsid w:val="79389055"/>
    <w:rsid w:val="79841E0B"/>
    <w:rsid w:val="799D6543"/>
    <w:rsid w:val="79AC4C78"/>
    <w:rsid w:val="79C24208"/>
    <w:rsid w:val="79D71DA1"/>
    <w:rsid w:val="79F1C3AB"/>
    <w:rsid w:val="7A5C556E"/>
    <w:rsid w:val="7A97080A"/>
    <w:rsid w:val="7AF8692D"/>
    <w:rsid w:val="7B6CBD96"/>
    <w:rsid w:val="7BBD8BB0"/>
    <w:rsid w:val="7C129993"/>
    <w:rsid w:val="7C48BFC7"/>
    <w:rsid w:val="7CC88F36"/>
    <w:rsid w:val="7DCB9E1C"/>
    <w:rsid w:val="7DD543EA"/>
    <w:rsid w:val="7E0D40AE"/>
    <w:rsid w:val="7E359068"/>
    <w:rsid w:val="7E4FC977"/>
    <w:rsid w:val="7E9D506E"/>
    <w:rsid w:val="7EA21533"/>
    <w:rsid w:val="7F27DD5F"/>
    <w:rsid w:val="7FB75AF5"/>
    <w:rsid w:val="7FE032B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C31F873"/>
  <w15:chartTrackingRefBased/>
  <w15:docId w15:val="{87A8431E-75B1-4B8B-9F92-53DBB2EC903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sz w:val="24"/>
        <w:szCs w:val="24"/>
        <w:lang w:val="en-US" w:eastAsia="ja-JP" w:bidi="ar-SA"/>
      </w:rPr>
    </w:rPrDefault>
    <w:pPrDefault>
      <w:pPr>
        <w:spacing w:after="160" w:line="27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pPr>
      <w:keepNext/>
      <w:keepLines/>
      <w:spacing w:before="360" w:after="80"/>
      <w:outlineLvl w:val="0"/>
    </w:pPr>
    <w:rPr>
      <w:rFonts w:asciiTheme="majorHAnsi" w:eastAsiaTheme="majorEastAsia" w:hAnsiTheme="majorHAnsi" w:cstheme="majorBidi"/>
      <w:color w:val="0F4761" w:themeColor="accent1" w:themeShade="BF"/>
      <w:sz w:val="40"/>
      <w:szCs w:val="40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pPr>
      <w:keepNext/>
      <w:keepLines/>
      <w:spacing w:before="160" w:after="80"/>
      <w:outlineLvl w:val="1"/>
    </w:pPr>
    <w:rPr>
      <w:rFonts w:asciiTheme="majorHAnsi" w:eastAsiaTheme="majorEastAsia" w:hAnsiTheme="majorHAnsi" w:cstheme="majorBidi"/>
      <w:color w:val="0F4761" w:themeColor="accent1" w:themeShade="BF"/>
      <w:sz w:val="32"/>
      <w:szCs w:val="32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pPr>
      <w:keepNext/>
      <w:keepLines/>
      <w:spacing w:before="160" w:after="80"/>
      <w:outlineLvl w:val="2"/>
    </w:pPr>
    <w:rPr>
      <w:rFonts w:eastAsiaTheme="majorEastAsia" w:cstheme="majorBidi"/>
      <w:color w:val="0F4761" w:themeColor="accent1" w:themeShade="BF"/>
      <w:sz w:val="28"/>
      <w:szCs w:val="28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pPr>
      <w:keepNext/>
      <w:keepLines/>
      <w:spacing w:before="80" w:after="40"/>
      <w:outlineLvl w:val="3"/>
    </w:pPr>
    <w:rPr>
      <w:rFonts w:eastAsiaTheme="majorEastAsia" w:cstheme="majorBidi"/>
      <w:i/>
      <w:iCs/>
      <w:color w:val="0F4761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pPr>
      <w:keepNext/>
      <w:keepLines/>
      <w:spacing w:before="80" w:after="40"/>
      <w:outlineLvl w:val="4"/>
    </w:pPr>
    <w:rPr>
      <w:rFonts w:eastAsiaTheme="majorEastAsia" w:cstheme="majorBidi"/>
      <w:color w:val="0F4761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pPr>
      <w:keepNext/>
      <w:keepLines/>
      <w:spacing w:before="40" w:after="0"/>
      <w:outlineLvl w:val="5"/>
    </w:pPr>
    <w:rPr>
      <w:rFonts w:eastAsiaTheme="majorEastAsia" w:cstheme="majorBidi"/>
      <w:i/>
      <w:iCs/>
      <w:color w:val="595959" w:themeColor="text1" w:themeTint="A6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pPr>
      <w:keepNext/>
      <w:keepLines/>
      <w:spacing w:before="40" w:after="0"/>
      <w:outlineLvl w:val="6"/>
    </w:pPr>
    <w:rPr>
      <w:rFonts w:eastAsiaTheme="majorEastAsia" w:cstheme="majorBidi"/>
      <w:color w:val="595959" w:themeColor="text1" w:themeTint="A6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pPr>
      <w:keepNext/>
      <w:keepLines/>
      <w:spacing w:after="0"/>
      <w:outlineLvl w:val="7"/>
    </w:pPr>
    <w:rPr>
      <w:rFonts w:eastAsiaTheme="majorEastAsia" w:cstheme="majorBidi"/>
      <w:i/>
      <w:iCs/>
      <w:color w:val="272727" w:themeColor="text1" w:themeTint="D8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pPr>
      <w:keepNext/>
      <w:keepLines/>
      <w:spacing w:after="0"/>
      <w:outlineLvl w:val="8"/>
    </w:pPr>
    <w:rPr>
      <w:rFonts w:eastAsiaTheme="majorEastAsia" w:cstheme="majorBidi"/>
      <w:color w:val="272727" w:themeColor="text1" w:themeTint="D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Pr>
      <w:rFonts w:asciiTheme="majorHAnsi" w:eastAsiaTheme="majorEastAsia" w:hAnsiTheme="majorHAnsi" w:cstheme="majorBidi"/>
      <w:color w:val="0F4761" w:themeColor="accent1" w:themeShade="BF"/>
      <w:sz w:val="40"/>
      <w:szCs w:val="40"/>
    </w:rPr>
  </w:style>
  <w:style w:type="character" w:customStyle="1" w:styleId="Heading2Char">
    <w:name w:val="Heading 2 Char"/>
    <w:basedOn w:val="DefaultParagraphFont"/>
    <w:link w:val="Heading2"/>
    <w:uiPriority w:val="9"/>
    <w:rPr>
      <w:rFonts w:asciiTheme="majorHAnsi" w:eastAsiaTheme="majorEastAsia" w:hAnsiTheme="majorHAnsi" w:cstheme="majorBidi"/>
      <w:color w:val="0F4761" w:themeColor="accent1" w:themeShade="BF"/>
      <w:sz w:val="32"/>
      <w:szCs w:val="32"/>
    </w:rPr>
  </w:style>
  <w:style w:type="character" w:customStyle="1" w:styleId="Heading3Char">
    <w:name w:val="Heading 3 Char"/>
    <w:basedOn w:val="DefaultParagraphFont"/>
    <w:link w:val="Heading3"/>
    <w:uiPriority w:val="9"/>
    <w:rPr>
      <w:rFonts w:eastAsiaTheme="majorEastAsia" w:cstheme="majorBidi"/>
      <w:color w:val="0F4761" w:themeColor="accent1" w:themeShade="BF"/>
      <w:sz w:val="28"/>
      <w:szCs w:val="28"/>
    </w:rPr>
  </w:style>
  <w:style w:type="character" w:customStyle="1" w:styleId="Heading4Char">
    <w:name w:val="Heading 4 Char"/>
    <w:basedOn w:val="DefaultParagraphFont"/>
    <w:link w:val="Heading4"/>
    <w:uiPriority w:val="9"/>
    <w:rPr>
      <w:rFonts w:eastAsiaTheme="majorEastAsia" w:cstheme="majorBidi"/>
      <w:i/>
      <w:iCs/>
      <w:color w:val="0F4761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rPr>
      <w:rFonts w:eastAsiaTheme="majorEastAsia" w:cstheme="majorBidi"/>
      <w:color w:val="0F4761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rPr>
      <w:rFonts w:eastAsiaTheme="majorEastAsia" w:cstheme="majorBidi"/>
      <w:i/>
      <w:iCs/>
      <w:color w:val="595959" w:themeColor="text1" w:themeTint="A6"/>
    </w:rPr>
  </w:style>
  <w:style w:type="character" w:customStyle="1" w:styleId="Heading7Char">
    <w:name w:val="Heading 7 Char"/>
    <w:basedOn w:val="DefaultParagraphFont"/>
    <w:link w:val="Heading7"/>
    <w:uiPriority w:val="9"/>
    <w:rPr>
      <w:rFonts w:eastAsiaTheme="majorEastAsia" w:cstheme="majorBidi"/>
      <w:color w:val="595959" w:themeColor="text1" w:themeTint="A6"/>
    </w:rPr>
  </w:style>
  <w:style w:type="character" w:customStyle="1" w:styleId="Heading8Char">
    <w:name w:val="Heading 8 Char"/>
    <w:basedOn w:val="DefaultParagraphFont"/>
    <w:link w:val="Heading8"/>
    <w:uiPriority w:val="9"/>
    <w:rPr>
      <w:rFonts w:eastAsiaTheme="majorEastAsia" w:cstheme="majorBidi"/>
      <w:i/>
      <w:iCs/>
      <w:color w:val="272727" w:themeColor="text1" w:themeTint="D8"/>
    </w:rPr>
  </w:style>
  <w:style w:type="character" w:customStyle="1" w:styleId="Heading9Char">
    <w:name w:val="Heading 9 Char"/>
    <w:basedOn w:val="DefaultParagraphFont"/>
    <w:link w:val="Heading9"/>
    <w:uiPriority w:val="9"/>
    <w:rPr>
      <w:rFonts w:eastAsiaTheme="majorEastAsia" w:cstheme="majorBidi"/>
      <w:color w:val="272727" w:themeColor="text1" w:themeTint="D8"/>
    </w:rPr>
  </w:style>
  <w:style w:type="character" w:customStyle="1" w:styleId="TitleChar">
    <w:name w:val="Title Char"/>
    <w:basedOn w:val="DefaultParagraphFont"/>
    <w:link w:val="Title"/>
    <w:uiPriority w:val="10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Title">
    <w:name w:val="Title"/>
    <w:basedOn w:val="Normal"/>
    <w:next w:val="Normal"/>
    <w:link w:val="TitleChar"/>
    <w:uiPriority w:val="10"/>
    <w:qFormat/>
    <w:pPr>
      <w:spacing w:after="8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SubtitleChar">
    <w:name w:val="Subtitle Char"/>
    <w:basedOn w:val="DefaultParagraphFont"/>
    <w:link w:val="Subtitle"/>
    <w:uiPriority w:val="11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Subtitle">
    <w:name w:val="Subtitle"/>
    <w:basedOn w:val="Normal"/>
    <w:next w:val="Normal"/>
    <w:link w:val="SubtitleChar"/>
    <w:uiPriority w:val="11"/>
    <w:qFormat/>
    <w:pPr>
      <w:numPr>
        <w:ilvl w:val="1"/>
      </w:numPr>
    </w:pPr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character" w:styleId="IntenseEmphasis">
    <w:name w:val="Intense Emphasis"/>
    <w:basedOn w:val="DefaultParagraphFont"/>
    <w:uiPriority w:val="21"/>
    <w:qFormat/>
    <w:rPr>
      <w:i/>
      <w:iCs/>
      <w:color w:val="0F4761" w:themeColor="accent1" w:themeShade="BF"/>
    </w:rPr>
  </w:style>
  <w:style w:type="character" w:customStyle="1" w:styleId="QuoteChar">
    <w:name w:val="Quote Char"/>
    <w:basedOn w:val="DefaultParagraphFont"/>
    <w:link w:val="Quote"/>
    <w:uiPriority w:val="29"/>
    <w:rPr>
      <w:i/>
      <w:iCs/>
      <w:color w:val="404040" w:themeColor="text1" w:themeTint="BF"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IntenseQuoteChar">
    <w:name w:val="Intense Quote Char"/>
    <w:basedOn w:val="DefaultParagraphFont"/>
    <w:link w:val="IntenseQuote"/>
    <w:uiPriority w:val="30"/>
    <w:rPr>
      <w:i/>
      <w:iCs/>
      <w:color w:val="0F4761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pPr>
      <w:pBdr>
        <w:top w:val="single" w:sz="4" w:space="10" w:color="0F4761" w:themeColor="accent1" w:themeShade="BF"/>
        <w:bottom w:val="single" w:sz="4" w:space="10" w:color="0F4761" w:themeColor="accent1" w:themeShade="BF"/>
      </w:pBdr>
      <w:spacing w:before="360" w:after="360"/>
      <w:ind w:left="864" w:right="864"/>
      <w:jc w:val="center"/>
    </w:pPr>
    <w:rPr>
      <w:i/>
      <w:iCs/>
      <w:color w:val="0F4761" w:themeColor="accent1" w:themeShade="BF"/>
    </w:rPr>
  </w:style>
  <w:style w:type="character" w:styleId="IntenseReference">
    <w:name w:val="Intense Reference"/>
    <w:basedOn w:val="DefaultParagraphFont"/>
    <w:uiPriority w:val="32"/>
    <w:qFormat/>
    <w:rPr>
      <w:b/>
      <w:bCs/>
      <w:smallCaps/>
      <w:color w:val="0F4761" w:themeColor="accent1" w:themeShade="BF"/>
      <w:spacing w:val="5"/>
    </w:rPr>
  </w:style>
  <w:style w:type="paragraph" w:styleId="ListParagraph">
    <w:name w:val="List Paragraph"/>
    <w:basedOn w:val="Normal"/>
    <w:uiPriority w:val="34"/>
    <w:qFormat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Pr>
      <w:color w:val="467886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hyperlink" Target="https://github.com/PacktPublishing/Ghidra-Software-Reverse-Engineering-for-Beginners/tree/master/Chapter05" TargetMode="External"/><Relationship Id="rId18" Type="http://schemas.openxmlformats.org/officeDocument/2006/relationships/image" Target="media/image12.png"/><Relationship Id="rId26" Type="http://schemas.openxmlformats.org/officeDocument/2006/relationships/image" Target="media/image20.png"/><Relationship Id="rId39" Type="http://schemas.openxmlformats.org/officeDocument/2006/relationships/hyperlink" Target="https://github.com/quark-engine/ghidraquark" TargetMode="External"/><Relationship Id="rId21" Type="http://schemas.openxmlformats.org/officeDocument/2006/relationships/image" Target="media/image15.png"/><Relationship Id="rId34" Type="http://schemas.openxmlformats.org/officeDocument/2006/relationships/image" Target="media/image28.png"/><Relationship Id="rId42" Type="http://schemas.openxmlformats.org/officeDocument/2006/relationships/hyperlink" Target="https://github.com/quark-engine/ghidraquark" TargetMode="External"/><Relationship Id="rId47" Type="http://schemas.openxmlformats.org/officeDocument/2006/relationships/image" Target="media/image37.png"/><Relationship Id="rId50" Type="http://schemas.openxmlformats.org/officeDocument/2006/relationships/image" Target="media/image40.png"/><Relationship Id="rId55" Type="http://schemas.openxmlformats.org/officeDocument/2006/relationships/hyperlink" Target="https://godbolt.org/" TargetMode="Externa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9" Type="http://schemas.openxmlformats.org/officeDocument/2006/relationships/image" Target="media/image23.png"/><Relationship Id="rId11" Type="http://schemas.openxmlformats.org/officeDocument/2006/relationships/image" Target="media/image7.png"/><Relationship Id="rId24" Type="http://schemas.openxmlformats.org/officeDocument/2006/relationships/image" Target="media/image18.png"/><Relationship Id="rId32" Type="http://schemas.openxmlformats.org/officeDocument/2006/relationships/image" Target="media/image26.png"/><Relationship Id="rId37" Type="http://schemas.openxmlformats.org/officeDocument/2006/relationships/hyperlink" Target="https://github.com/likvidera/GhidraChatGPT" TargetMode="External"/><Relationship Id="rId40" Type="http://schemas.openxmlformats.org/officeDocument/2006/relationships/image" Target="media/image32.gif"/><Relationship Id="rId45" Type="http://schemas.openxmlformats.org/officeDocument/2006/relationships/image" Target="media/image35.png"/><Relationship Id="rId53" Type="http://schemas.openxmlformats.org/officeDocument/2006/relationships/hyperlink" Target="https://learn.microsoft.com/en-us/cpp/c-runtime-library/reference/security-init-cookie?view=msvc-170" TargetMode="External"/><Relationship Id="rId58" Type="http://schemas.openxmlformats.org/officeDocument/2006/relationships/hyperlink" Target="https://drive.google.com/file/d/1ZU_4qqZunyZ5OK_uHgXP47bR4l2SWbhU/view?usp=sharing" TargetMode="External"/><Relationship Id="rId5" Type="http://schemas.openxmlformats.org/officeDocument/2006/relationships/image" Target="media/image1.png"/><Relationship Id="rId61" Type="http://schemas.openxmlformats.org/officeDocument/2006/relationships/theme" Target="theme/theme1.xml"/><Relationship Id="rId19" Type="http://schemas.openxmlformats.org/officeDocument/2006/relationships/image" Target="media/image13.png"/><Relationship Id="rId14" Type="http://schemas.openxmlformats.org/officeDocument/2006/relationships/image" Target="media/image9.jpg"/><Relationship Id="rId22" Type="http://schemas.openxmlformats.org/officeDocument/2006/relationships/image" Target="media/image16.png"/><Relationship Id="rId27" Type="http://schemas.openxmlformats.org/officeDocument/2006/relationships/image" Target="media/image21.png"/><Relationship Id="rId30" Type="http://schemas.openxmlformats.org/officeDocument/2006/relationships/image" Target="media/image24.png"/><Relationship Id="rId35" Type="http://schemas.openxmlformats.org/officeDocument/2006/relationships/image" Target="media/image29.png"/><Relationship Id="rId43" Type="http://schemas.openxmlformats.org/officeDocument/2006/relationships/image" Target="media/image33.jpg"/><Relationship Id="rId48" Type="http://schemas.openxmlformats.org/officeDocument/2006/relationships/image" Target="media/image38.png"/><Relationship Id="rId56" Type="http://schemas.openxmlformats.org/officeDocument/2006/relationships/hyperlink" Target="https://cocomelonc.github.io/tutorial/2021/09/18/malware-injection-1.html" TargetMode="External"/><Relationship Id="rId8" Type="http://schemas.openxmlformats.org/officeDocument/2006/relationships/image" Target="media/image4.png"/><Relationship Id="rId51" Type="http://schemas.openxmlformats.org/officeDocument/2006/relationships/image" Target="media/image41.png"/><Relationship Id="rId3" Type="http://schemas.openxmlformats.org/officeDocument/2006/relationships/settings" Target="settings.xml"/><Relationship Id="rId12" Type="http://schemas.openxmlformats.org/officeDocument/2006/relationships/image" Target="media/image8.png"/><Relationship Id="rId17" Type="http://schemas.openxmlformats.org/officeDocument/2006/relationships/image" Target="media/image11.png"/><Relationship Id="rId25" Type="http://schemas.openxmlformats.org/officeDocument/2006/relationships/image" Target="media/image19.png"/><Relationship Id="rId33" Type="http://schemas.openxmlformats.org/officeDocument/2006/relationships/image" Target="media/image27.png"/><Relationship Id="rId38" Type="http://schemas.openxmlformats.org/officeDocument/2006/relationships/image" Target="media/image31.png"/><Relationship Id="rId46" Type="http://schemas.openxmlformats.org/officeDocument/2006/relationships/image" Target="media/image36.png"/><Relationship Id="rId59" Type="http://schemas.openxmlformats.org/officeDocument/2006/relationships/hyperlink" Target="https://ligerlabs.org/lectures.html" TargetMode="External"/><Relationship Id="rId20" Type="http://schemas.openxmlformats.org/officeDocument/2006/relationships/image" Target="media/image14.png"/><Relationship Id="rId41" Type="http://schemas.openxmlformats.org/officeDocument/2006/relationships/hyperlink" Target="https://github.com/intezer/analyze-community-ghidra-plugin.git" TargetMode="External"/><Relationship Id="rId54" Type="http://schemas.openxmlformats.org/officeDocument/2006/relationships/hyperlink" Target="https://www.virustotal.com/" TargetMode="External"/><Relationship Id="rId62" Type="http://schemas.microsoft.com/office/2020/10/relationships/intelligence" Target="intelligence2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5" Type="http://schemas.openxmlformats.org/officeDocument/2006/relationships/hyperlink" Target="https://www.virustotal.com/gui/home/url" TargetMode="External"/><Relationship Id="rId23" Type="http://schemas.openxmlformats.org/officeDocument/2006/relationships/image" Target="media/image17.png"/><Relationship Id="rId28" Type="http://schemas.openxmlformats.org/officeDocument/2006/relationships/image" Target="media/image22.png"/><Relationship Id="rId36" Type="http://schemas.openxmlformats.org/officeDocument/2006/relationships/image" Target="media/image30.png"/><Relationship Id="rId49" Type="http://schemas.openxmlformats.org/officeDocument/2006/relationships/image" Target="media/image39.png"/><Relationship Id="rId57" Type="http://schemas.openxmlformats.org/officeDocument/2006/relationships/hyperlink" Target="https://learn.microsoft.com/en-us/windows-hardware/drivers/debugger/getting-started-with-windbg" TargetMode="External"/><Relationship Id="rId10" Type="http://schemas.openxmlformats.org/officeDocument/2006/relationships/image" Target="media/image6.png"/><Relationship Id="rId31" Type="http://schemas.openxmlformats.org/officeDocument/2006/relationships/image" Target="media/image25.png"/><Relationship Id="rId44" Type="http://schemas.openxmlformats.org/officeDocument/2006/relationships/image" Target="media/image34.png"/><Relationship Id="rId52" Type="http://schemas.openxmlformats.org/officeDocument/2006/relationships/hyperlink" Target="https://cdn.ttgtmedia.com/rms/pdf/excerpt_ghidra_bookshelf.pdf" TargetMode="External"/><Relationship Id="rId6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5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ptos" panose="0211000402020202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8</Pages>
  <Words>2432</Words>
  <Characters>13866</Characters>
  <Application>Microsoft Office Word</Application>
  <DocSecurity>0</DocSecurity>
  <Lines>115</Lines>
  <Paragraphs>32</Paragraphs>
  <ScaleCrop>false</ScaleCrop>
  <Company/>
  <LinksUpToDate>false</LinksUpToDate>
  <CharactersWithSpaces>1626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ionicioSilva, Adrian</dc:creator>
  <cp:keywords/>
  <dc:description/>
  <cp:lastModifiedBy>Adrian Dionicio Silva</cp:lastModifiedBy>
  <cp:revision>2</cp:revision>
  <dcterms:created xsi:type="dcterms:W3CDTF">2024-03-07T19:03:00Z</dcterms:created>
  <dcterms:modified xsi:type="dcterms:W3CDTF">2025-03-31T00:35:00Z</dcterms:modified>
</cp:coreProperties>
</file>